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328"/>
  <workbookPr/>
  <mc:AlternateContent xmlns:mc="http://schemas.openxmlformats.org/markup-compatibility/2006">
    <mc:Choice Requires="x15">
      <x15ac:absPath xmlns:x15ac="http://schemas.microsoft.com/office/spreadsheetml/2010/11/ac" url="C:\Users\I074571\Downloads\"/>
    </mc:Choice>
  </mc:AlternateContent>
  <xr:revisionPtr revIDLastSave="0" documentId="13_ncr:1_{EDD1C821-A7FF-4B5A-83DF-4727C528C5BD}" xr6:coauthVersionLast="41" xr6:coauthVersionMax="41" xr10:uidLastSave="{00000000-0000-0000-0000-000000000000}"/>
  <bookViews>
    <workbookView xWindow="-110" yWindow="-110" windowWidth="19420" windowHeight="10420" xr2:uid="{00000000-000D-0000-FFFF-FFFF00000000}"/>
  </bookViews>
  <sheets>
    <sheet name="Finance" sheetId="1" r:id="rId1"/>
    <sheet name="Sheet1" sheetId="4" state="hidden" r:id="rId2"/>
    <sheet name="T&amp;C" sheetId="3" r:id="rId3"/>
    <sheet name="Library" sheetId="2" state="hidden" r:id="rId4"/>
  </sheets>
  <externalReferences>
    <externalReference r:id="rId5"/>
    <externalReference r:id="rId6"/>
    <externalReference r:id="rId7"/>
  </externalReferences>
  <definedNames>
    <definedName name="bestpractice" localSheetId="3">Library!$F$2:$F$7</definedName>
    <definedName name="bestpractice" localSheetId="2">[1]Library!$G$2:$G$7</definedName>
    <definedName name="bestpractice">[2]Library!$I$2:$I$7</definedName>
    <definedName name="BestPractices">#REF!</definedName>
    <definedName name="bsr" localSheetId="2">[1]Library!#REF!</definedName>
    <definedName name="bsr">Library!#REF!</definedName>
    <definedName name="country" localSheetId="2">[1]Library!#REF!</definedName>
    <definedName name="country">Library!#REF!</definedName>
    <definedName name="Country2">#REF!</definedName>
    <definedName name="coverage" localSheetId="2">[1]Library!#REF!</definedName>
    <definedName name="coverage">Library!#REF!</definedName>
    <definedName name="currency" localSheetId="3">Library!#REF!</definedName>
    <definedName name="currency" localSheetId="2">[1]Library!#REF!</definedName>
    <definedName name="currency">[2]Library!$E$2:$E$154</definedName>
    <definedName name="currencya" localSheetId="2">[1]Library!#REF!</definedName>
    <definedName name="currencya">Library!#REF!</definedName>
    <definedName name="data1" localSheetId="2">[1]Library!#REF!</definedName>
    <definedName name="data1">Library!#REF!</definedName>
    <definedName name="ERP_strategy" localSheetId="2">[1]Library!#REF!</definedName>
    <definedName name="ERP_strategy">Library!#REF!</definedName>
    <definedName name="ERPstrategy" localSheetId="2">[1]Library!#REF!</definedName>
    <definedName name="ERPstrategy">Library!#REF!</definedName>
    <definedName name="organization_structure" localSheetId="2">[1]Library!#REF!</definedName>
    <definedName name="organization_structure">Library!#REF!</definedName>
    <definedName name="outsource" localSheetId="2">[1]Library!#REF!</definedName>
    <definedName name="outsource">Library!#REF!</definedName>
    <definedName name="primaryindustry" localSheetId="3">Library!#REF!</definedName>
    <definedName name="primaryindustry" localSheetId="2">[1]Library!$A$2:$A$31</definedName>
    <definedName name="primaryindustry">[2]Library!$F$2:$F$32</definedName>
    <definedName name="_xlnm.Print_Area" localSheetId="0">Finance!$A$1:$J$238</definedName>
    <definedName name="_xlnm.Print_Area" localSheetId="3">Library!$A$1:$P$173</definedName>
    <definedName name="_xlnm.Print_Area" localSheetId="2">'T&amp;C'!$A$1:$A$6</definedName>
    <definedName name="_xlnm.Print_Titles" localSheetId="3">Library!$1:$1</definedName>
    <definedName name="region" localSheetId="2">[1]Library!#REF!</definedName>
    <definedName name="region">Library!#REF!</definedName>
    <definedName name="regions">Library!$D$2:$D$4</definedName>
    <definedName name="SID" hidden="1">"Cpavan"</definedName>
    <definedName name="SPWD" hidden="1">"pepsico"</definedName>
    <definedName name="subindustry" localSheetId="3">Library!$B$2:$B$154</definedName>
    <definedName name="subindustry">[2]Library!$G$2:$G$146</definedName>
    <definedName name="wrn.Print._.Package." localSheetId="2" hidden="1">{#N/A,#N/A,FALSE,"COBO";#N/A,#N/A,FALSE,"Atlantic";#N/A,#N/A,FALSE,"NCalif";#N/A,#N/A,FALSE,"SCalif";#N/A,#N/A,FALSE,"Eastern";#N/A,#N/A,FALSE,"Florida";#N/A,#N/A,FALSE,"GreatWest";#N/A,#N/A,FALSE,"Heartland";#N/A,#N/A,FALSE,"Michigan";#N/A,#N/A,FALSE,"Northwest";#N/A,#N/A,FALSE,"Southeast";#N/A,#N/A,FALSE,"Texoma"}</definedName>
    <definedName name="wrn.Print._.Package." hidden="1">{#N/A,#N/A,FALSE,"COBO";#N/A,#N/A,FALSE,"Atlantic";#N/A,#N/A,FALSE,"NCalif";#N/A,#N/A,FALSE,"SCalif";#N/A,#N/A,FALSE,"Eastern";#N/A,#N/A,FALSE,"Florida";#N/A,#N/A,FALSE,"GreatWest";#N/A,#N/A,FALSE,"Heartland";#N/A,#N/A,FALSE,"Michigan";#N/A,#N/A,FALSE,"Northwest";#N/A,#N/A,FALSE,"Southeast";#N/A,#N/A,FALSE,"Texoma"}</definedName>
    <definedName name="yesno" localSheetId="3">Library!$H$2:$H$3</definedName>
    <definedName name="yesno" localSheetId="2">[1]Library!$I$2:$I$3</definedName>
    <definedName name="yesno">[2]Library!$J$2:$J$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H5" i="4"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c5113177</author>
  </authors>
  <commentList>
    <comment ref="B16" authorId="0" shapeId="0" xr:uid="{00000000-0006-0000-0000-000001000000}">
      <text>
        <r>
          <rPr>
            <b/>
            <sz val="9"/>
            <color indexed="81"/>
            <rFont val="Tahoma"/>
            <family val="2"/>
          </rPr>
          <t>Revenue</t>
        </r>
        <r>
          <rPr>
            <sz val="9"/>
            <color indexed="81"/>
            <rFont val="Tahoma"/>
            <family val="2"/>
          </rPr>
          <t xml:space="preserve"> 
Annual revenue for rolling 12 months or the most recent annual figures.
</t>
        </r>
        <r>
          <rPr>
            <b/>
            <sz val="9"/>
            <color indexed="81"/>
            <rFont val="Tahoma"/>
            <family val="2"/>
          </rPr>
          <t xml:space="preserve">
SG&amp;A Expenses
</t>
        </r>
        <r>
          <rPr>
            <sz val="9"/>
            <color indexed="81"/>
            <rFont val="Tahoma"/>
            <family val="2"/>
          </rPr>
          <t>Selling, General &amp; Adminstrative (SG&amp;A) reported by the company in the last financial year.</t>
        </r>
        <r>
          <rPr>
            <b/>
            <sz val="9"/>
            <color indexed="81"/>
            <rFont val="Tahoma"/>
            <family val="2"/>
          </rPr>
          <t xml:space="preserve">
Operating Income</t>
        </r>
        <r>
          <rPr>
            <sz val="9"/>
            <color indexed="81"/>
            <rFont val="Tahoma"/>
            <family val="2"/>
          </rPr>
          <t xml:space="preserve">
Operating Income reported by the company in the last financial year.
</t>
        </r>
        <r>
          <rPr>
            <b/>
            <sz val="9"/>
            <color indexed="81"/>
            <rFont val="Tahoma"/>
            <family val="2"/>
          </rPr>
          <t>Finance Costs</t>
        </r>
        <r>
          <rPr>
            <sz val="9"/>
            <color indexed="81"/>
            <rFont val="Tahoma"/>
            <family val="2"/>
          </rPr>
          <t xml:space="preserve">
Finance Costs includes all finance function related costs such as cost of finance staff (headcount costs), external spend, technology spend and all other finance function related spend.
</t>
        </r>
        <r>
          <rPr>
            <b/>
            <sz val="9"/>
            <color indexed="81"/>
            <rFont val="Tahoma"/>
            <family val="2"/>
          </rPr>
          <t>Finance FTEs</t>
        </r>
        <r>
          <rPr>
            <sz val="9"/>
            <color indexed="81"/>
            <rFont val="Tahoma"/>
            <family val="2"/>
          </rPr>
          <t xml:space="preserve">
FTE (Full-Time Equivalent) is a measurement equal to one staff person working a full-time work schedule for one year. For example, if a Finance function is delivered by one Finance employee who spends 20% of his time (or one day per week) working on this function, the headcount for this function would be 0.2 FTEs.
Another example would be a Finance function performed by four employees - two of them full time, and two of them working 50% on this function. In that case, the headcount for this function would be 3.0 FTEs.</t>
        </r>
      </text>
    </comment>
    <comment ref="B22" authorId="0" shapeId="0" xr:uid="{00000000-0006-0000-0000-000002000000}">
      <text>
        <r>
          <rPr>
            <b/>
            <sz val="9"/>
            <color indexed="81"/>
            <rFont val="Tahoma"/>
            <family val="2"/>
          </rPr>
          <t>Forecast Accuracy</t>
        </r>
        <r>
          <rPr>
            <sz val="9"/>
            <color indexed="81"/>
            <rFont val="Tahoma"/>
            <family val="2"/>
          </rPr>
          <t xml:space="preserve">
Accuracy of forecast for your operating results (revenue and operating margin) across the past 4 quarterly forecasts, assuming constant currency. For example, if you missed your forecast in the first quarter by 5%, met the forecasts in the second and third quarter, and exceeded your forecast in the last quarter by 10%, assuming constant currency, your forecasting accuracy should be calculated as (95%+100%+100%+90%)/4 = 96.25%. Forecast accuracy for an individual forecast is calculated as actual at forecast currency versus base forecast for the same period.
</t>
        </r>
        <r>
          <rPr>
            <b/>
            <sz val="9"/>
            <color indexed="81"/>
            <rFont val="Tahoma"/>
            <family val="2"/>
          </rPr>
          <t xml:space="preserve">
Cycle Time For Creation Of Annual Forecast (in days)</t>
        </r>
        <r>
          <rPr>
            <sz val="9"/>
            <color indexed="81"/>
            <rFont val="Tahoma"/>
            <family val="2"/>
          </rPr>
          <t xml:space="preserve">
Number of days required to create annual forecast, from target and goal setting to simulations to sign off by individual business segments until final submission for approval. This should reflect the elapsed time (start of process to finish), not man days (effort).</t>
        </r>
      </text>
    </comment>
    <comment ref="B28" authorId="0" shapeId="0" xr:uid="{00000000-0006-0000-0000-000003000000}">
      <text>
        <r>
          <rPr>
            <b/>
            <sz val="9"/>
            <color indexed="81"/>
            <rFont val="Tahoma"/>
            <family val="2"/>
          </rPr>
          <t>Days to Close Annual Books</t>
        </r>
        <r>
          <rPr>
            <sz val="9"/>
            <color indexed="81"/>
            <rFont val="Tahoma"/>
            <family val="2"/>
          </rPr>
          <t xml:space="preserve">
Number of business days to complete the annual hard close on entity AND corporate level AND including the time for regulatory disclosures such as a 10-K report in the United States or similar financial statements in other countries.
</t>
        </r>
        <r>
          <rPr>
            <b/>
            <sz val="9"/>
            <color indexed="81"/>
            <rFont val="Tahoma"/>
            <family val="2"/>
          </rPr>
          <t>External Audit Cost</t>
        </r>
        <r>
          <rPr>
            <sz val="9"/>
            <color indexed="81"/>
            <rFont val="Tahoma"/>
            <family val="2"/>
          </rPr>
          <t xml:space="preserve">
Annual fees paid for periodic audits conducted by external (independent) qualified accountant(s) to determine whether the company's accounting records are accurate and complete, comply with regulations and fairly represent the organization's financial position.</t>
        </r>
      </text>
    </comment>
    <comment ref="B35" authorId="0" shapeId="0" xr:uid="{00000000-0006-0000-0000-000004000000}">
      <text>
        <r>
          <rPr>
            <b/>
            <sz val="9"/>
            <color indexed="81"/>
            <rFont val="Tahoma"/>
            <family val="2"/>
          </rPr>
          <t>Cash Forecast Accuracy (in%)</t>
        </r>
        <r>
          <rPr>
            <sz val="9"/>
            <color indexed="81"/>
            <rFont val="Tahoma"/>
            <family val="2"/>
          </rPr>
          <t xml:space="preserve">
Cash Forecast Accuracy is a measure of how close the actuals are to the forecasted/projected cash flows. It is calculated as converse of Forecast Error.
Calculation: 
Forecast Accuracy (in %) = (1 – Forecast Error) %
If (Forecast &lt;= Actual), Forecast Error = Abs(Forecast – Actual) / Actual
If (Forecast &gt; Actual), Forecast Error = Abs(Forecast – Actual) / Forecast number of business days between start of process to finish), not man days (effort).
</t>
        </r>
        <r>
          <rPr>
            <b/>
            <sz val="9"/>
            <color indexed="81"/>
            <rFont val="Tahoma"/>
            <family val="2"/>
          </rPr>
          <t>Cost of Capital (in%)</t>
        </r>
        <r>
          <rPr>
            <sz val="9"/>
            <color indexed="81"/>
            <rFont val="Tahoma"/>
            <family val="2"/>
          </rPr>
          <t xml:space="preserve">
Cost of capital is the cost of obtaining funds. It is calculated as the weighted average of the costs and proportion of financing, including both debt and equity. By taking a weighted average, we can see how much interest the company has to pay for every dollar it finances.
</t>
        </r>
        <r>
          <rPr>
            <b/>
            <sz val="9"/>
            <color indexed="81"/>
            <rFont val="Tahoma"/>
            <family val="2"/>
          </rPr>
          <t>Hedge Ratio (in%)</t>
        </r>
        <r>
          <rPr>
            <sz val="9"/>
            <color indexed="81"/>
            <rFont val="Tahoma"/>
            <family val="2"/>
          </rPr>
          <t xml:space="preserve">
Ratio of value of identified hedged exposures versus value of total identified exposures</t>
        </r>
      </text>
    </comment>
    <comment ref="B41" authorId="0" shapeId="0" xr:uid="{00000000-0006-0000-0000-000005000000}">
      <text>
        <r>
          <rPr>
            <b/>
            <sz val="9"/>
            <color indexed="81"/>
            <rFont val="Tahoma"/>
            <family val="2"/>
          </rPr>
          <t xml:space="preserve">Days Sales Outstanding (in days)
</t>
        </r>
        <r>
          <rPr>
            <sz val="9"/>
            <color indexed="81"/>
            <rFont val="Tahoma"/>
            <family val="2"/>
          </rPr>
          <t>A measure of the average number of days that a company takes to collect revenue after a sale has been made. A low DSO number means that it takes a company fewer days to collect its accounts receivable. A high DSO number shows that a company is selling its product to customers on credit and taking longer to collect money. Days Sales Outstanding is calculated as: Accounts Receivables/ Total Credit Sales X Number of Days.</t>
        </r>
        <r>
          <rPr>
            <b/>
            <sz val="9"/>
            <color indexed="81"/>
            <rFont val="Tahoma"/>
            <family val="2"/>
          </rPr>
          <t xml:space="preserve">
Uncollectible A/R Write Offs (Bad Debts) 
</t>
        </r>
        <r>
          <rPr>
            <sz val="9"/>
            <color indexed="81"/>
            <rFont val="Tahoma"/>
            <family val="2"/>
          </rPr>
          <t>A customer account that cannot be collected because of the customer's unwillingness or inability to pay. Please provide amount that was written off by your company for such a receivable as worthless after several attempts at collecting the funds.</t>
        </r>
        <r>
          <rPr>
            <b/>
            <sz val="9"/>
            <color indexed="81"/>
            <rFont val="Tahoma"/>
            <family val="2"/>
          </rPr>
          <t xml:space="preserve">
</t>
        </r>
      </text>
    </comment>
    <comment ref="B47" authorId="0" shapeId="0" xr:uid="{00000000-0006-0000-0000-000006000000}">
      <text>
        <r>
          <rPr>
            <b/>
            <sz val="9"/>
            <color indexed="81"/>
            <rFont val="Tahoma"/>
            <family val="2"/>
          </rPr>
          <t xml:space="preserve">Supplier Discounts Lost (in %)
</t>
        </r>
        <r>
          <rPr>
            <sz val="9"/>
            <color indexed="81"/>
            <rFont val="Tahoma"/>
            <family val="2"/>
          </rPr>
          <t>Cash discount not taken because of the buyer's failure to pay within the specified time period</t>
        </r>
        <r>
          <rPr>
            <b/>
            <sz val="9"/>
            <color indexed="81"/>
            <rFont val="Tahoma"/>
            <family val="2"/>
          </rPr>
          <t xml:space="preserve">
Incoming Invoices using Online Processing (in %) 
</t>
        </r>
        <r>
          <rPr>
            <sz val="9"/>
            <color indexed="81"/>
            <rFont val="Tahoma"/>
            <family val="2"/>
          </rPr>
          <t>Percentage of supplier invoices sent by the supplier in electronic form, e.g., supplier portal and processed electronically too.</t>
        </r>
        <r>
          <rPr>
            <b/>
            <sz val="9"/>
            <color indexed="81"/>
            <rFont val="Tahoma"/>
            <family val="2"/>
          </rPr>
          <t xml:space="preserve">
</t>
        </r>
      </text>
    </comment>
    <comment ref="B52" authorId="0" shapeId="0" xr:uid="{00000000-0006-0000-0000-000007000000}">
      <text>
        <r>
          <rPr>
            <b/>
            <sz val="9"/>
            <color indexed="81"/>
            <rFont val="Tahoma"/>
            <family val="2"/>
          </rPr>
          <t>Total Employee Initiated Spend</t>
        </r>
        <r>
          <rPr>
            <sz val="9"/>
            <color indexed="81"/>
            <rFont val="Tahoma"/>
            <family val="2"/>
          </rPr>
          <t xml:space="preserve">
Spend through expense processing tool + Spend through invoice processing tool + Spend through P-Card processing tool</t>
        </r>
      </text>
    </comment>
    <comment ref="B57" authorId="0" shapeId="0" xr:uid="{00000000-0006-0000-0000-000008000000}">
      <text>
        <r>
          <rPr>
            <b/>
            <sz val="9"/>
            <color indexed="81"/>
            <rFont val="Tahoma"/>
            <family val="2"/>
          </rPr>
          <t xml:space="preserve">Real Estate Occupancy Rate (in %)
</t>
        </r>
        <r>
          <rPr>
            <sz val="9"/>
            <color indexed="81"/>
            <rFont val="Tahoma"/>
            <family val="2"/>
          </rPr>
          <t>Average portion of retail, office, industrial, and residential space and land owned and operated by the company that is occupied by a tenant or a cost center.</t>
        </r>
      </text>
    </comment>
    <comment ref="B63" authorId="0" shapeId="0" xr:uid="{00000000-0006-0000-0000-000009000000}">
      <text>
        <r>
          <rPr>
            <b/>
            <sz val="9"/>
            <color indexed="81"/>
            <rFont val="Tahoma"/>
            <family val="2"/>
          </rPr>
          <t xml:space="preserve">Losses resulting from unforeseen risk events (in %)
</t>
        </r>
        <r>
          <rPr>
            <sz val="9"/>
            <color indexed="81"/>
            <rFont val="Tahoma"/>
            <family val="2"/>
          </rPr>
          <t>Economic losses incurred from unforeseen risk events like frauds, unauthorized access, improper access, breach of data security and controls etc.</t>
        </r>
        <r>
          <rPr>
            <b/>
            <sz val="9"/>
            <color indexed="81"/>
            <rFont val="Tahoma"/>
            <family val="2"/>
          </rPr>
          <t xml:space="preserve">
Internal Audit Cost
</t>
        </r>
        <r>
          <rPr>
            <sz val="9"/>
            <color indexed="81"/>
            <rFont val="Tahoma"/>
            <family val="2"/>
          </rPr>
          <t>Cost associated with internal audit that involves efficacy of operations, the reliability of financial reporting, deterring and investigating fraud, safeguarding assets, and compliance with laws and regulations.</t>
        </r>
      </text>
    </comment>
  </commentList>
</comments>
</file>

<file path=xl/sharedStrings.xml><?xml version="1.0" encoding="utf-8"?>
<sst xmlns="http://schemas.openxmlformats.org/spreadsheetml/2006/main" count="1011" uniqueCount="706">
  <si>
    <t>By entering of data in this survey, you agree to the terms and conditions associated with SAP’s Benchmarking Program</t>
  </si>
  <si>
    <t>Importance</t>
  </si>
  <si>
    <t>Coverage</t>
  </si>
  <si>
    <t>Profile</t>
  </si>
  <si>
    <t xml:space="preserve">Your Industry </t>
  </si>
  <si>
    <t>*</t>
  </si>
  <si>
    <t xml:space="preserve">Your Sub-Industry </t>
  </si>
  <si>
    <t xml:space="preserve">Business Email Address </t>
  </si>
  <si>
    <t>Currency</t>
  </si>
  <si>
    <t>Revenue</t>
  </si>
  <si>
    <r>
      <t xml:space="preserve">Note: </t>
    </r>
    <r>
      <rPr>
        <sz val="10"/>
        <color rgb="FFFF0000"/>
        <rFont val="Arial"/>
        <family val="2"/>
      </rPr>
      <t>*</t>
    </r>
    <r>
      <rPr>
        <sz val="10"/>
        <color theme="1"/>
        <rFont val="Arial"/>
        <family val="2"/>
      </rPr>
      <t xml:space="preserve"> ---&gt; Mandatory</t>
    </r>
  </si>
  <si>
    <t>Terms &amp; Conditions</t>
  </si>
  <si>
    <t>Survey Data</t>
  </si>
  <si>
    <t xml:space="preserve">Personal Data </t>
  </si>
  <si>
    <t>Asia Pacific</t>
  </si>
  <si>
    <t>North America</t>
  </si>
  <si>
    <t>Latin America</t>
  </si>
  <si>
    <t>Europe, Middle East, Africa</t>
  </si>
  <si>
    <t>SubIndustry1</t>
  </si>
  <si>
    <t>Region_Serviced</t>
  </si>
  <si>
    <t>Best_Practice</t>
  </si>
  <si>
    <t>T&amp;C</t>
  </si>
  <si>
    <t>Role</t>
  </si>
  <si>
    <t>Aerospace and Defense</t>
  </si>
  <si>
    <t>Aerospace and Defense - Maintenance, Repair and Overhaul (MRO)</t>
  </si>
  <si>
    <t>NA</t>
  </si>
  <si>
    <t>Yes</t>
  </si>
  <si>
    <t>Executive Management (C-Level, SVP)</t>
  </si>
  <si>
    <t>U.S. Dollar</t>
  </si>
  <si>
    <t>Automotive</t>
  </si>
  <si>
    <t>Aerospace and Defense - Manufacturing</t>
  </si>
  <si>
    <t>No</t>
  </si>
  <si>
    <t>Business / Functional (VP or Below)</t>
  </si>
  <si>
    <t>Canadian Dollar</t>
  </si>
  <si>
    <t>Banking</t>
  </si>
  <si>
    <t>Aerospace and Defense - Others</t>
  </si>
  <si>
    <t>Information Technology (VP or Below)</t>
  </si>
  <si>
    <t>Afghani</t>
  </si>
  <si>
    <t>Chemicals</t>
  </si>
  <si>
    <t>Automotive - Automotive Supplier</t>
  </si>
  <si>
    <t>Algerian Dinar</t>
  </si>
  <si>
    <t>Consumer Products</t>
  </si>
  <si>
    <t>Automotive - Original Equipment Manufacturers (OEMs)</t>
  </si>
  <si>
    <t>Argentine Peso</t>
  </si>
  <si>
    <t>Defense and Security</t>
  </si>
  <si>
    <t>Automotive - Sales and Service</t>
  </si>
  <si>
    <t>Armenian Dram</t>
  </si>
  <si>
    <t>Engineering, Construction and Operations</t>
  </si>
  <si>
    <t>Automotive - Others</t>
  </si>
  <si>
    <t>Australian Dollar</t>
  </si>
  <si>
    <t>Healthcare</t>
  </si>
  <si>
    <t>Banking - Asset Finance and Leasing</t>
  </si>
  <si>
    <t>Azerbaijanian Manat</t>
  </si>
  <si>
    <t>High Tech</t>
  </si>
  <si>
    <t>Banking - Brokerage Services</t>
  </si>
  <si>
    <t>Bahamian Dollar</t>
  </si>
  <si>
    <t>Higher Education and Research</t>
  </si>
  <si>
    <t>Banking - Corporate Banking</t>
  </si>
  <si>
    <t>Bahraini Dinar</t>
  </si>
  <si>
    <t>Industrial Machinery and Components</t>
  </si>
  <si>
    <t>Banking - Investment Banking</t>
  </si>
  <si>
    <t>Balboa</t>
  </si>
  <si>
    <t>Insurance</t>
  </si>
  <si>
    <t>Banking - Retail Banking</t>
  </si>
  <si>
    <t>Barbados Dollar</t>
  </si>
  <si>
    <t>Life Sciences</t>
  </si>
  <si>
    <t>Banking - Others</t>
  </si>
  <si>
    <t>Belarussian Ruble</t>
  </si>
  <si>
    <t>Media</t>
  </si>
  <si>
    <t>Banking - Central Banks</t>
  </si>
  <si>
    <t>Belize Dollar</t>
  </si>
  <si>
    <t>Mill Products</t>
  </si>
  <si>
    <t>Banking - Wealth Management</t>
  </si>
  <si>
    <t>Bolivar Fuerte</t>
  </si>
  <si>
    <t>Mining</t>
  </si>
  <si>
    <t>Chemicals - Agricultural Chemicals</t>
  </si>
  <si>
    <t>Boliviano</t>
  </si>
  <si>
    <t>Oil and Gas</t>
  </si>
  <si>
    <t>Chemicals - Basic (commodity) Chemicals</t>
  </si>
  <si>
    <t>Botswana Pula</t>
  </si>
  <si>
    <t>Other Services</t>
  </si>
  <si>
    <t>Chemicals - Industrial Gases</t>
  </si>
  <si>
    <t>Brazilian Real</t>
  </si>
  <si>
    <t>Professional Services</t>
  </si>
  <si>
    <t>Chemicals - Specialty Chemicals</t>
  </si>
  <si>
    <t>British Pound</t>
  </si>
  <si>
    <t>Public Sector</t>
  </si>
  <si>
    <t>Chemicals - Others</t>
  </si>
  <si>
    <t>Brunei Dollar</t>
  </si>
  <si>
    <t>Retail</t>
  </si>
  <si>
    <t>Consumer Products - Apparel and Footwear</t>
  </si>
  <si>
    <t>Bulgarian Lev</t>
  </si>
  <si>
    <t>Sports and Entertainment</t>
  </si>
  <si>
    <t>Consumer Products - Beverages</t>
  </si>
  <si>
    <t>Burundi Franc</t>
  </si>
  <si>
    <t>Telecommunications</t>
  </si>
  <si>
    <t>Consumer Products - Consumer Durables and Home Appliances (CD&amp;HA)</t>
  </si>
  <si>
    <t>Cape Verde Escudo</t>
  </si>
  <si>
    <t>Travel &amp; Transport: Airlines</t>
  </si>
  <si>
    <t>Consumer Products - Consumer Electronics</t>
  </si>
  <si>
    <t>Cedi</t>
  </si>
  <si>
    <t>Travel &amp; Transport: Hospitality</t>
  </si>
  <si>
    <t>Consumer Products - Food</t>
  </si>
  <si>
    <t>CFA Franc BCEAO †</t>
  </si>
  <si>
    <t>Travel &amp; Transport: Logistics</t>
  </si>
  <si>
    <t>Consumer Products - Home and Personal Care (HPC)</t>
  </si>
  <si>
    <t>CFA Franc BEAC ‡</t>
  </si>
  <si>
    <t>Travel &amp; Transport: Railways</t>
  </si>
  <si>
    <t>Consumer Products - Others</t>
  </si>
  <si>
    <t>Chilean Peso</t>
  </si>
  <si>
    <t>Utilities</t>
  </si>
  <si>
    <t>Consumer Products - Agribusiness</t>
  </si>
  <si>
    <t>Chinese Yuan</t>
  </si>
  <si>
    <t>Wholesale Distribution</t>
  </si>
  <si>
    <t>Defense and Security - Defense Logistics</t>
  </si>
  <si>
    <t>Colombian Peso</t>
  </si>
  <si>
    <t>Other</t>
  </si>
  <si>
    <t>Defense and Security - Departments Of Defense and Military Agencies</t>
  </si>
  <si>
    <t>Comoro Franc</t>
  </si>
  <si>
    <t>Defense and Security - Security - Local Government</t>
  </si>
  <si>
    <t xml:space="preserve">Congolese Franc </t>
  </si>
  <si>
    <t>Defense and Security - Security - State Government</t>
  </si>
  <si>
    <t>Convertible Marks</t>
  </si>
  <si>
    <t>Defense and Security - Others</t>
  </si>
  <si>
    <t>Cordoba Oro</t>
  </si>
  <si>
    <t>Engineering, Construction and Operations - Commercial Real Estate</t>
  </si>
  <si>
    <t>Costa Rican Colon</t>
  </si>
  <si>
    <t>Engineering, Construction and Operations - Construction</t>
  </si>
  <si>
    <t>Croatian Kuna</t>
  </si>
  <si>
    <t>Engineering, Construction and Operations - Engineering and Design Firms</t>
  </si>
  <si>
    <t>Cuban Peso</t>
  </si>
  <si>
    <t>Engineering, Construction and Operations - Facilities Management</t>
  </si>
  <si>
    <t>Czech Koruna</t>
  </si>
  <si>
    <t>Engineering, Construction and Operations - Homebuilding</t>
  </si>
  <si>
    <t>Dalasi</t>
  </si>
  <si>
    <t>Engineering, Construction and Operations - Shipbuilding</t>
  </si>
  <si>
    <t>Danish Krone</t>
  </si>
  <si>
    <t>Engineering, Construction and Operations - Others</t>
  </si>
  <si>
    <t>Denar</t>
  </si>
  <si>
    <t>Healthcare - Health and Human Services (HHS)</t>
  </si>
  <si>
    <t>Djibouti Franc</t>
  </si>
  <si>
    <t>Healthcare - Healthcare Providers or Payers</t>
  </si>
  <si>
    <t xml:space="preserve">Dobra </t>
  </si>
  <si>
    <t>Healthcare - Others</t>
  </si>
  <si>
    <t>Dominican Peso</t>
  </si>
  <si>
    <t>High Tech - Electronic Manufacturing Service Providers</t>
  </si>
  <si>
    <t>Dong</t>
  </si>
  <si>
    <t>High Tech - OEMs (business, medical and consumer)</t>
  </si>
  <si>
    <t>East Caribbean Dollar</t>
  </si>
  <si>
    <t>High Tech - Semiconductor and Component Manufacturers</t>
  </si>
  <si>
    <t>Egyptian Pound</t>
  </si>
  <si>
    <t>High Tech - Software Providers</t>
  </si>
  <si>
    <t>El Salvador Colon</t>
  </si>
  <si>
    <t>High Tech - Others</t>
  </si>
  <si>
    <t>Ethiopian Birr</t>
  </si>
  <si>
    <t>Higher Education and Research - Education and Research</t>
  </si>
  <si>
    <t>Euro</t>
  </si>
  <si>
    <t>Higher Education and Research - Junior, Community and Four-Year Colleges</t>
  </si>
  <si>
    <t>Fiji Dollar</t>
  </si>
  <si>
    <t>Higher Education and Research - Large Universities (&gt; 25K students)</t>
  </si>
  <si>
    <t>Gourde</t>
  </si>
  <si>
    <t>Higher Education and Research - Research Universities</t>
  </si>
  <si>
    <t>Guarani</t>
  </si>
  <si>
    <t>Higher Education and Research - Trade and Technical Schools</t>
  </si>
  <si>
    <t>Guinea Franc</t>
  </si>
  <si>
    <t>Higher Education and Research - University Systems</t>
  </si>
  <si>
    <t>Guinea-Bissau Peso</t>
  </si>
  <si>
    <t>Higher Education and Research - Others</t>
  </si>
  <si>
    <t>Guyana Dollar</t>
  </si>
  <si>
    <t>Industrial Machinery and Components - Construction and Mining Machinery</t>
  </si>
  <si>
    <t>Hong Kong Dollar</t>
  </si>
  <si>
    <t>Industrial Machinery and Components - Electrical Equipment, Appliance and Components</t>
  </si>
  <si>
    <t>Hryvnia</t>
  </si>
  <si>
    <t>Industrial Machinery and Components - Elevators, Escalators and Moving Sidewalks</t>
  </si>
  <si>
    <t>Hungarian Forint</t>
  </si>
  <si>
    <t>Industrial Machinery and Components - Engine, Turbine, Pump and Compressor Machinery</t>
  </si>
  <si>
    <t>Iceland Krona</t>
  </si>
  <si>
    <t>Industrial Machinery and Components - General Industrial Machinery and Equipment</t>
  </si>
  <si>
    <t>Indian Rupee</t>
  </si>
  <si>
    <t>Industrial Machinery and Components - Industrial Tools and Metal Working Machinery</t>
  </si>
  <si>
    <t>Indonesian Rupiah</t>
  </si>
  <si>
    <t>Industrial Machinery and Components - Lifting and Material Handling Equipment</t>
  </si>
  <si>
    <t>Iranian Rial</t>
  </si>
  <si>
    <t>Industrial Machinery and Components - Measuring and Controlling Devices</t>
  </si>
  <si>
    <t>Iraqi Dinar</t>
  </si>
  <si>
    <t>Industrial Machinery and Components - Oil and Gas Machinery</t>
  </si>
  <si>
    <t>Israeli New Shekel</t>
  </si>
  <si>
    <t>Industrial Machinery and Components - Railroad Equipment</t>
  </si>
  <si>
    <t>Jamaican Dollar</t>
  </si>
  <si>
    <t>Industrial Machinery and Components - Semiconductor and Electronic Measurement Equipment</t>
  </si>
  <si>
    <t>Japanese Yen</t>
  </si>
  <si>
    <t>Industrial Machinery and Components - Textile, Paper, Printing and Packaging Machinery</t>
  </si>
  <si>
    <t>Jordanian Dinar</t>
  </si>
  <si>
    <t>Industrial Machinery and Components - Others</t>
  </si>
  <si>
    <t>Kenyan Shilling</t>
  </si>
  <si>
    <t>Insurance - Group and Health</t>
  </si>
  <si>
    <t>Kina</t>
  </si>
  <si>
    <t>Insurance - Life Insurance</t>
  </si>
  <si>
    <t>Kip</t>
  </si>
  <si>
    <t>Insurance - Other Insurance</t>
  </si>
  <si>
    <t>Kroon</t>
  </si>
  <si>
    <t>Insurance - Property and Casualty</t>
  </si>
  <si>
    <t>Kuwaiti Dinar</t>
  </si>
  <si>
    <t>Insurance - Reinsurance</t>
  </si>
  <si>
    <t>Kwacha</t>
  </si>
  <si>
    <t>Insurance - Others</t>
  </si>
  <si>
    <t>Kwanza</t>
  </si>
  <si>
    <t>Life Sciences - Biotechnology or Biopharmaceuticals</t>
  </si>
  <si>
    <t>Kyat</t>
  </si>
  <si>
    <t>Life Sciences - Medical Devices and Scientific Instruments</t>
  </si>
  <si>
    <t>Lari</t>
  </si>
  <si>
    <t>Life Sciences - Pharmaceuticals</t>
  </si>
  <si>
    <t>Latvian Lats</t>
  </si>
  <si>
    <t>Life Sciences - Others</t>
  </si>
  <si>
    <t>Lebanese Pound</t>
  </si>
  <si>
    <t>Media - Broadcasting (radio, television)</t>
  </si>
  <si>
    <t>Lek</t>
  </si>
  <si>
    <t>Media - Entertainment (film, music, games)</t>
  </si>
  <si>
    <t>Lempira</t>
  </si>
  <si>
    <t>Media - Newspapers and Magazines</t>
  </si>
  <si>
    <t>Leone</t>
  </si>
  <si>
    <t>Media - Premium Content Publishing</t>
  </si>
  <si>
    <t>Liberian Dollar</t>
  </si>
  <si>
    <t>Media - Others</t>
  </si>
  <si>
    <t>Libyan Dinar</t>
  </si>
  <si>
    <t>Mill Products - Building Materials</t>
  </si>
  <si>
    <t>Lilangeni</t>
  </si>
  <si>
    <t>Mill Products - Cable and Wire Products</t>
  </si>
  <si>
    <t>Lithuanian Litas</t>
  </si>
  <si>
    <t>Mill Products - Fabricated Metal Products</t>
  </si>
  <si>
    <t>Loti</t>
  </si>
  <si>
    <t>Mill Products - Furniture</t>
  </si>
  <si>
    <t>Malagasy Ariary</t>
  </si>
  <si>
    <t>Mill Products - Packaging</t>
  </si>
  <si>
    <t>Malaysian Ringgit</t>
  </si>
  <si>
    <t>Mill Products - Plastic Products</t>
  </si>
  <si>
    <t>Manat</t>
  </si>
  <si>
    <t>Mill Products - Primary Metals</t>
  </si>
  <si>
    <t>Mauritius Rupee</t>
  </si>
  <si>
    <t>Mill Products - Pulp and Paper Products</t>
  </si>
  <si>
    <t>Metical</t>
  </si>
  <si>
    <t>Mill Products - Textile</t>
  </si>
  <si>
    <t>Mexican Peso</t>
  </si>
  <si>
    <t>Mill Products - Timberlands and Solid Wood Products</t>
  </si>
  <si>
    <t>Moldovan Leu</t>
  </si>
  <si>
    <t>Mill Products - Others</t>
  </si>
  <si>
    <t>Moroccan Dirham</t>
  </si>
  <si>
    <t>Mining - Coal Mining</t>
  </si>
  <si>
    <t>Naira</t>
  </si>
  <si>
    <t>Mining - Metal Mining</t>
  </si>
  <si>
    <t>Nakfa</t>
  </si>
  <si>
    <t>Mining - Non-Metal Mining</t>
  </si>
  <si>
    <t xml:space="preserve">Namibia Dollar </t>
  </si>
  <si>
    <t>Mining - Others</t>
  </si>
  <si>
    <t>Nepalese Rupee</t>
  </si>
  <si>
    <t>Oil and Gas - Downstream Marketing and Retailing</t>
  </si>
  <si>
    <t>New Leu</t>
  </si>
  <si>
    <t>Oil and Gas - Downstream Refining and Manufacturing</t>
  </si>
  <si>
    <t>New Zealand Dollar</t>
  </si>
  <si>
    <t>Oil and Gas - Oil Field Service Providers</t>
  </si>
  <si>
    <t>Ngultrum</t>
  </si>
  <si>
    <t>Oil and Gas - Supply, Transmission and Trading</t>
  </si>
  <si>
    <t>North Korean Won</t>
  </si>
  <si>
    <t>Oil and Gas - Upstream</t>
  </si>
  <si>
    <t>Norwegian Krone</t>
  </si>
  <si>
    <t>Oil and Gas - Others</t>
  </si>
  <si>
    <t>Omani Rial</t>
  </si>
  <si>
    <t>Other Services - Others</t>
  </si>
  <si>
    <t>Ouguiya</t>
  </si>
  <si>
    <t>Professional Services - Audit and Tax</t>
  </si>
  <si>
    <t>Pa'anga</t>
  </si>
  <si>
    <t>Professional Services - Business Process Outsourcing</t>
  </si>
  <si>
    <t>Pakistan Rupee</t>
  </si>
  <si>
    <t>Professional Services - Consulting Services</t>
  </si>
  <si>
    <t>Pataca</t>
  </si>
  <si>
    <t>Professional Services - IT BPO Service Providers</t>
  </si>
  <si>
    <t>Peruvian Nuevo Sol</t>
  </si>
  <si>
    <t>Professional Services - Legal</t>
  </si>
  <si>
    <t>Peso Uruguayo</t>
  </si>
  <si>
    <t>Professional Services - Staffing</t>
  </si>
  <si>
    <t>Philippine Peso</t>
  </si>
  <si>
    <t>Professional Services - Others</t>
  </si>
  <si>
    <t>Pula</t>
  </si>
  <si>
    <t>Public Sector - Postal Services</t>
  </si>
  <si>
    <t>Qatari Rial</t>
  </si>
  <si>
    <t>Public Sector - Cities</t>
  </si>
  <si>
    <t>Quetzal</t>
  </si>
  <si>
    <t>Public Sector - Federal or Civilian Cabinet-Level Agencies</t>
  </si>
  <si>
    <t>Riel</t>
  </si>
  <si>
    <t>Public Sector - Federal or Civilian Large Independent Agencies</t>
  </si>
  <si>
    <t>Rufiyaa</t>
  </si>
  <si>
    <t>Public Sector - K-12 Education</t>
  </si>
  <si>
    <t xml:space="preserve">Russian Ruble </t>
  </si>
  <si>
    <t>Public Sector - Nondepartmental Government Bodies</t>
  </si>
  <si>
    <t>Rwanda Franc</t>
  </si>
  <si>
    <t>Public Sector - Nonprofit Organizations</t>
  </si>
  <si>
    <t>Saudi Riyal</t>
  </si>
  <si>
    <t>Public Sector - Public Security Organizations</t>
  </si>
  <si>
    <t>Serbian Dinar</t>
  </si>
  <si>
    <t>Public Sector - State and Local Government</t>
  </si>
  <si>
    <t>Seychelles Rupee</t>
  </si>
  <si>
    <t>Public Sector - Others</t>
  </si>
  <si>
    <t>Singapore Dollar</t>
  </si>
  <si>
    <t>Retail - Fashion</t>
  </si>
  <si>
    <t>Slovak Koruna</t>
  </si>
  <si>
    <t>Retail - Fashion Retailers Department Stores</t>
  </si>
  <si>
    <t>Solomon Islands Dollar</t>
  </si>
  <si>
    <t>Retail - General Merchandise or Specialty</t>
  </si>
  <si>
    <t>Som</t>
  </si>
  <si>
    <t>Retail - Food, Drug and Convenience</t>
  </si>
  <si>
    <t>Somali Shilling</t>
  </si>
  <si>
    <t>Retail - Hardlines</t>
  </si>
  <si>
    <t>Somoni</t>
  </si>
  <si>
    <t>Retail - Others</t>
  </si>
  <si>
    <t>South African Rand</t>
  </si>
  <si>
    <t>Sports and Entertainment - Leagues and Sports Bodies</t>
  </si>
  <si>
    <t>South Korean Won</t>
  </si>
  <si>
    <t>Sports and Entertainment - Teams</t>
  </si>
  <si>
    <t>Sri Lankan Rupee</t>
  </si>
  <si>
    <t>Sports and Entertainment - Others</t>
  </si>
  <si>
    <t>Sudanese Pound</t>
  </si>
  <si>
    <t>Travel &amp; Transport: Airlines - Passenger Airlines</t>
  </si>
  <si>
    <t>Surinam Dollar</t>
  </si>
  <si>
    <t>Travel &amp; Transport: Airlines - Cargo Airlines</t>
  </si>
  <si>
    <t>Swedish Krona</t>
  </si>
  <si>
    <t>Travel &amp; Transport: Airlines - Others</t>
  </si>
  <si>
    <t>Swiss Franc</t>
  </si>
  <si>
    <t>Travel &amp; Transport: Hospitality - Catering</t>
  </si>
  <si>
    <t>Syrian Pound</t>
  </si>
  <si>
    <t>Travel &amp; Transport: Hospitality - Entertainment (Spas, Casinos, Theme Parks)</t>
  </si>
  <si>
    <t>Taiwan Dollar</t>
  </si>
  <si>
    <t>Travel &amp; Transport: Hospitality - Hotels or Motels</t>
  </si>
  <si>
    <t>Taka</t>
  </si>
  <si>
    <t>Travel &amp; Transport: Hospitality - Restaurants</t>
  </si>
  <si>
    <t>Tala</t>
  </si>
  <si>
    <t>Travel &amp; Transport: Hospitality - Travel Agencies</t>
  </si>
  <si>
    <t>Tanzanian Shilling</t>
  </si>
  <si>
    <t>Travel &amp; Transport: Hospitality - Others</t>
  </si>
  <si>
    <t>Tenge</t>
  </si>
  <si>
    <t>Travel &amp; Transport: Logistics - Courier Providers</t>
  </si>
  <si>
    <t>Thai Baht</t>
  </si>
  <si>
    <t>Travel &amp; Transport: Logistics - Freight Providers</t>
  </si>
  <si>
    <t>Trinidad and Tobago Dollar</t>
  </si>
  <si>
    <t>Travel &amp; Transport: Logistics - Infrastructure Providers</t>
  </si>
  <si>
    <t>Tugrik</t>
  </si>
  <si>
    <t>Travel &amp; Transport: Logistics - Ocean Carriers</t>
  </si>
  <si>
    <t>Tunisian Dinar</t>
  </si>
  <si>
    <t>Travel &amp; Transport: Logistics - Third-Party Logistics Providers</t>
  </si>
  <si>
    <t>Turkish Lira</t>
  </si>
  <si>
    <t>Travel &amp; Transport: Logistics - Trucking Companies</t>
  </si>
  <si>
    <t>UAE Dirham</t>
  </si>
  <si>
    <t>Travel &amp; Transport: Logistics - Others</t>
  </si>
  <si>
    <t>Uganda Shilling</t>
  </si>
  <si>
    <t>Travel &amp; Transport: Railways - Freight</t>
  </si>
  <si>
    <t>Uzbekistan Sum</t>
  </si>
  <si>
    <t>Travel &amp; Transport: Railways - Infrastructure</t>
  </si>
  <si>
    <t>Vatu</t>
  </si>
  <si>
    <t>Travel &amp; Transport: Railways - Metropolitan</t>
  </si>
  <si>
    <t>Yemeni Rial</t>
  </si>
  <si>
    <t>Travel &amp; Transport: Railways - Passenger</t>
  </si>
  <si>
    <t>Zambian Kwacha</t>
  </si>
  <si>
    <t>Travel &amp; Transport: Railways - Others</t>
  </si>
  <si>
    <t>Zimbabwe Dollar</t>
  </si>
  <si>
    <t>Telecommunications - Cable and Internet Service Provider</t>
  </si>
  <si>
    <t>Zloty</t>
  </si>
  <si>
    <t>Telecommunications - Wireless Service Provider</t>
  </si>
  <si>
    <t>Telecommunications - Wireline Service Provider</t>
  </si>
  <si>
    <t>Telecommunications - Wireline or Wireless Service Provider</t>
  </si>
  <si>
    <t>Telecommunications - Others</t>
  </si>
  <si>
    <t>Utilities - Generation</t>
  </si>
  <si>
    <t>Utilities - Municipal or Public Utilities</t>
  </si>
  <si>
    <t>Utilities - Natural Gas</t>
  </si>
  <si>
    <t>Utilities - Retail</t>
  </si>
  <si>
    <t>Utilities - Transmission and Distribution</t>
  </si>
  <si>
    <t>Utilities - Waste and Recycling</t>
  </si>
  <si>
    <t>Utilities - Water</t>
  </si>
  <si>
    <t>Utilities - Others</t>
  </si>
  <si>
    <t>Utilities - Power: End to End</t>
  </si>
  <si>
    <t>Wholesale Distribution - Food Services or Grocery</t>
  </si>
  <si>
    <t>Wholesale Distribution - Healthcare</t>
  </si>
  <si>
    <t>Wholesale Distribution - Industrial</t>
  </si>
  <si>
    <t>Wholesale Distribution - High Tech</t>
  </si>
  <si>
    <t>Wholesale Distribution - Others</t>
  </si>
  <si>
    <t>Other - Others</t>
  </si>
  <si>
    <t>SAP is conducting online benchmarking surveys wherein SAP is soliciting information from individual companies concerning technology and business plans in order to gain a better understanding of the relevant industry. Information collected pursuant to this benchmarking survey shall be referred to as Feedback. SAP shall use the Feedback to perform analyses of the survey data and then provide the results of the analyses to SAP employees, SAP customer and SAP partners to understand how other participating organizations compare with their organization and determine whether SAP or an SAP partner should contact the company providing the Feedback for marketing or sales purposes. Any parties viewing the Feedback or the analyses will be subject to these terms or similar confidentiality terms.
As a condition of accessing the survey, you (also referred to as Participant) acknowledge and agree on behalf of yourself and your employer (also referred to as Company), to the terms and conditions as set forth herein. In the event you do not agree or do not have the authority to agree on behalf of your employer to all of the terms and conditions set forth herein, please do not enter any information. Additionally, please, if desired, request that your personal contact information be removed from the site. 
Participant is the individual accessing this survey and acknowledging this agreement. Participant is employed by the company for which Participant is providing information and will provide the information requested in the benchmarking survey. In consideration of SAP's selection of Company as a participant in the benchmarking survey, Participant and Company agree to be bound to the terms and conditions herein. 
A database has been implemented at SAP containing the survey results submitted by various SAP customers. As noted above, the data concerning Participant's company is collected by means of the survey in which you are currently enrolled. Participant's survey inputs shall be aggregated in this database with the input of other companies that participate in the benchmarking survey. SAP shall treat these responses as the Confidential Information of Company if the information is segregated from the aggregated data or otherwise identified as the responses of Company and results will be published only in an anonymous way so that no conclusions about the source of the data will be possible. 
By providing responses to the survey, by submission of the questionnaire and/or by clicking the accept button, Participant consents that any data provided to SAP therein may be transferred, used and stored by SAP for the purposes and in the way described herein above. 
All results derived from the Feedback or any response(s) which are not identified as belonging to Company shall be treated as the Confidential Information of SAP America, Inc. and SAP shall be entitled to use the foregoing without remuneration of any kind to Participant or Company. Additionally, the benchmarking survey content and questions, and other material identified as SAP Confidential are the Confidential Information of SAP. The parties shall protect the other party's respective Confidential Information from disclosure in accordance with these terms and the terms of any existing End User License Agreement between SAP America, Inc. (or its affiliated companies) and Company.</t>
  </si>
  <si>
    <r>
      <t>In regard to any personal data Participant may provide, SAP intends to collect only the data entered into the site registration form by Participant or by another party on behalf of Participant (and thereafter confirmed by Participant), such as name First Name, Last Name, Company, Position/Title, Business Email Address, Business Phone &amp; Detailed Business Address. 
This data will be stored at an SAP facility in the United States and used to identify Participant as the source of the information regarding Participant's company. Access will be provided only to the SAP personnel who are required to access this information in performance of this Agreement and will be maintained only as long as needed for the purposes set forth herein. 
Participant hereby consents to SAP collecting, using and transferring your data as described here. If you would like to change or correct any of this data or remove yourself from the database, please send an e-mail to </t>
    </r>
    <r>
      <rPr>
        <b/>
        <u/>
        <sz val="9"/>
        <color rgb="FF000000"/>
        <rFont val="Arial"/>
        <family val="2"/>
      </rPr>
      <t>valuemanagement@sap.com.</t>
    </r>
  </si>
  <si>
    <t>BACK TO SURVEY</t>
  </si>
  <si>
    <t>Yes/ No</t>
  </si>
  <si>
    <t>Answer</t>
  </si>
  <si>
    <t>(Help)</t>
  </si>
  <si>
    <t>Best Practice</t>
  </si>
  <si>
    <t xml:space="preserve">Industry </t>
  </si>
  <si>
    <t>Help Text</t>
  </si>
  <si>
    <t>Forecast Accuracy (in %)</t>
  </si>
  <si>
    <t xml:space="preserve">Finance Survey </t>
  </si>
  <si>
    <t>Maturity Level 1</t>
  </si>
  <si>
    <t>Maturity Level 2</t>
  </si>
  <si>
    <t>Maturity Level 3</t>
  </si>
  <si>
    <t>Maturity level 4</t>
  </si>
  <si>
    <t>Maturity Level 5</t>
  </si>
  <si>
    <t>• Intelligent automation and predictive models are used especially for exception handling</t>
  </si>
  <si>
    <t>Accounting is a continuous process enabling the organization to conduct fast, soft and predictive closing</t>
  </si>
  <si>
    <t>• Scattered information across system landscape Standalone processes and decoupled working capital management initiatives</t>
  </si>
  <si>
    <t>• Fully automated receivables process with Machine Learning capabilities
• Instant reaction on customers financial situation and automatic derivation of next steps</t>
  </si>
  <si>
    <t>The organization has complete visibility into space utilization by combining real-time occupancy insights, cost drivers and business metrics</t>
  </si>
  <si>
    <t>The organization easily complies with new and changing leasing regulations (for instance within IFRS and US-GAAP reporting standards)</t>
  </si>
  <si>
    <t>Organization has implemented controls and processes for managing access to applications and data</t>
  </si>
  <si>
    <t>The organization can easily comply with regulations such as GDPR, SOX and PCI-DSS</t>
  </si>
  <si>
    <t>The organization uses a unified framework, taxonomy and standardized workflows to enable one view of risk</t>
  </si>
  <si>
    <t>No standards exist for what information is required and collaboration is absent</t>
  </si>
  <si>
    <t>Information requirements are driven by statutory requirements and not business needs</t>
  </si>
  <si>
    <t>Internal audit formally evaluates and reports on risk, compliance and control issues in periodic reports</t>
  </si>
  <si>
    <t>Issues are defined and tracked across the organization from a variety of sources</t>
  </si>
  <si>
    <t>Issues are raised in all cases where risks are unacceptable and include root cause analysis</t>
  </si>
  <si>
    <t xml:space="preserve">Only very basic controls are maintained with no systematic assessment or testing procedures. Key risk indicators are not formalized. </t>
  </si>
  <si>
    <t>Regular assessment and test cycles have been implemented with a unified control framework and automated procedures, to monitor risk and control effectiveness in a continuous fashion</t>
  </si>
  <si>
    <t>Point in time reporting of control effectiveness based on exception noted</t>
  </si>
  <si>
    <t>Control effectiveness is consistently defined and reported at the business process level periodically</t>
  </si>
  <si>
    <t>Annual point in time domain specific entity level reports on risk and control effectiveness are reviewed by the Board or Board committee</t>
  </si>
  <si>
    <t>GRC reports are risk based and entity level reports reviewed annually</t>
  </si>
  <si>
    <t>Transactions are not reviewed or screened on any regular basis</t>
  </si>
  <si>
    <t>Innovation such as in-memory, machine-learning, predictive analytics enable high volume screening and real-time detection of anomalies and suspicious transactions to protect the revenue</t>
  </si>
  <si>
    <t>The organization has full visibility into accurate and integrated current cash balances and liquidity positions</t>
  </si>
  <si>
    <t>Cash Forecast Accuracy (in %)</t>
  </si>
  <si>
    <t>Cost of Capital (in %)</t>
  </si>
  <si>
    <t>Hedge Ratio (in %)</t>
  </si>
  <si>
    <t>Assessments, tests and indicators are managed and tracked only periodically and through manual processes (based on desktop tools, spreadsheets...)</t>
  </si>
  <si>
    <t>Transactions are analyzed manually or with simple tools, in a periodic and unsystematic way (sampling)</t>
  </si>
  <si>
    <t>Transactions and 3rd parties are continuously screened for real-time detection of risks, potential fraud or anomalies, based on flexible rule engines that can be optimized for accuracy continuous improvement.</t>
  </si>
  <si>
    <t>Internal Audit Cost</t>
  </si>
  <si>
    <t>Acquired entities can be easily and quickly integrated into the digital fabric of the organization</t>
  </si>
  <si>
    <t>Budgeting and forecasting is a continuous process of planning, measuring and simulation of key business drivers</t>
  </si>
  <si>
    <t>Finance organization has instant access to information at desired granularity based on one source of truth</t>
  </si>
  <si>
    <t>Please provide the following information:</t>
  </si>
  <si>
    <t>Operating Income</t>
  </si>
  <si>
    <t>Real-time insight into Days Sales Outstanding allows management to identify trends and performance</t>
  </si>
  <si>
    <t>Integration of external credit scores exists to automate credit decision making for customer groups</t>
  </si>
  <si>
    <t>Cash collection processes reflect customer relationships and credit conditions to determine the right collection strategy</t>
  </si>
  <si>
    <t xml:space="preserve">The treasury function contributes to compliance with financial accounting standards like IFRS, SOX, EMIR etc.
 </t>
  </si>
  <si>
    <t>Shared services have evolved from being transaction processor to being considered value-add business partner</t>
  </si>
  <si>
    <t>Risk information is refreshed frequently with up to date assessments, key risk indicators and controls, and issue notifications, for sound decision making and improving the audit process</t>
  </si>
  <si>
    <t>Shared services is fully accountable for adherence to auditing, internal controls, and segregation of duties of internal processes</t>
  </si>
  <si>
    <t>The organization leverages cyber governance and security capabilities for supporting business insights and agility</t>
  </si>
  <si>
    <t>Uncollectible Accounts Receivable Write-offs</t>
  </si>
  <si>
    <t>Finance is a value creator and has a direct and immediate bottom-line impact on profitability</t>
  </si>
  <si>
    <t>Finance organization creates effective transfer pricing strategies to optimize performance across the value chain</t>
  </si>
  <si>
    <t>• Operational accounting processes are executed manually and in-house in a dispersed setup across multiple accounting departments</t>
  </si>
  <si>
    <t>An intelligent building management system in place that identifies, scopes and allocates operations and maintenance tasks</t>
  </si>
  <si>
    <t>The organization maximizes the use of automated risk and control assessment and in-memory monitoring processes, to improve assurance and minimize cost</t>
  </si>
  <si>
    <t>Embedded compliance processes are leveraged to address ever changing accounting standards and regulations</t>
  </si>
  <si>
    <t>Consolidated status and trends of risk, control and compliance are reported and linked to business objectives at all levels of the organization</t>
  </si>
  <si>
    <t xml:space="preserve">Finance organization is enabled and seen as a strategic partner supporting business model transformation, M&amp;A and other major capital investment decisions
</t>
  </si>
  <si>
    <t>Changes in group and divisional structures, M&amp;A, and consolidation methods and frequencies can be processed easily</t>
  </si>
  <si>
    <t xml:space="preserve">• Manual collection of data and processing </t>
  </si>
  <si>
    <t xml:space="preserve">• Operational cash collection and credit evaluation processes are partially automated </t>
  </si>
  <si>
    <t>• Rule-based automation of core operational processes
• Out-of-the-box integrations for extensions/ accelerators for core processes</t>
  </si>
  <si>
    <t>All operational accounting processes are fully automated and intelligent</t>
  </si>
  <si>
    <t xml:space="preserve">• Step wise automation of operational accounting processes
</t>
  </si>
  <si>
    <t xml:space="preserve">• Operational accounting processes are partially automated 
</t>
  </si>
  <si>
    <t>• High degree of automation (rule based) for executing operational processes however exception handling is manual</t>
  </si>
  <si>
    <t>• A few central functions are executed within the shared services center</t>
  </si>
  <si>
    <t>• Core processes are executed within the shared services center</t>
  </si>
  <si>
    <t>• All operational processes are executed within a shared services center</t>
  </si>
  <si>
    <t>Real time monitoring and pattern analysis for continuous improvement of controls and for detecting anomalies. Continuous auditing using advanced analytics</t>
  </si>
  <si>
    <t>Holistic view provided by real time reports showing all facets of risk including risk levels, risk indicators, audit and control results with full visualization and drill down capability</t>
  </si>
  <si>
    <t xml:space="preserve">High volume screening and real-time detection of anomalies and suspicious transactions protect revenue and reduce risk exposure
 </t>
  </si>
  <si>
    <t xml:space="preserve">Transactions are analyzed more systematically to detect potential fraud and anomalies, and 3rd party records checked, using standard analytical tools (e.g. business intelligence) </t>
  </si>
  <si>
    <t>Key Metrics: Financial Planning &amp; Analysis</t>
  </si>
  <si>
    <t>Key Metrics: Accounting and Financial Close</t>
  </si>
  <si>
    <t>Key Metrics: Receivables Management</t>
  </si>
  <si>
    <t>Key Metrics: Real Estate Management</t>
  </si>
  <si>
    <t>Key Metrics: Enterprise Risk &amp; Compliance Management</t>
  </si>
  <si>
    <t>Key Metrics: Treasury Management</t>
  </si>
  <si>
    <t>Best Practices: Financial Planning and Analysis</t>
  </si>
  <si>
    <t>Best Practices: Accounting &amp; Financial Close</t>
  </si>
  <si>
    <t>Best Practices: Receivables Management</t>
  </si>
  <si>
    <t>Best Practices: Real Estate Management</t>
  </si>
  <si>
    <t>Best Practices: Finance Shared Services</t>
  </si>
  <si>
    <t>Best Practices: Treasury Management</t>
  </si>
  <si>
    <t>Best Practices: Three Lines of Defense</t>
  </si>
  <si>
    <t>Best Practices: Cybersecurity and Data Protection</t>
  </si>
  <si>
    <t>Key Metrics: Basic Financial Information</t>
  </si>
  <si>
    <t>All operational receivables management processes are fully automated and intelligent</t>
  </si>
  <si>
    <t>All end to end finance operational processes (like OTC, PTP, RTR etc.) run in a shared services setup</t>
  </si>
  <si>
    <t>Key Metrics: Travel and Expense Management</t>
  </si>
  <si>
    <t>Best Practices: Travel and Expense Management</t>
  </si>
  <si>
    <t>Self-service booking platform that provides consumer grade experience and directly enforces compliance to corporate policies</t>
  </si>
  <si>
    <t>The organization has real-time view of travel spend with drill-down capabilities</t>
  </si>
  <si>
    <t>Cycle Time for Creation of Annual Forecast (in days) </t>
  </si>
  <si>
    <t>Days to Close Annual Books</t>
  </si>
  <si>
    <t>Days Sales Outstanding</t>
  </si>
  <si>
    <t>External Audit Cost</t>
  </si>
  <si>
    <t>Real Estate Occupancy Rate (in %)</t>
  </si>
  <si>
    <t>Finance organization enables integrated liquidity forecasting including cash flow analysis</t>
  </si>
  <si>
    <t>The organization assesses and creates effective hedging strategies to manage financial risks (e.g. foreign exchange, credit risks etc.)</t>
  </si>
  <si>
    <t>The organization effectively optimizes capital structure with strategies that balance debt against equity, risk, and returns</t>
  </si>
  <si>
    <t>By sharing key risk, control and audit information, collaboration is maximized and GRC issues are continuously addressed</t>
  </si>
  <si>
    <t>Best Practices: Payables Management</t>
  </si>
  <si>
    <t>Invoice capture is automated via e-Invoicing solutions to alleviate the workload of accounts payable</t>
  </si>
  <si>
    <t>Invoices are instantly matched with POs, receipts and contracts to identify exceptions and prevent supplier overpayment</t>
  </si>
  <si>
    <t xml:space="preserve">The organization optimizes working capital across its process by developing proactive payment strategy and pursuing dynamic discounting opportunity </t>
  </si>
  <si>
    <t xml:space="preserve">Majority of invoices are paper-based and have to be manually entered to be processed </t>
  </si>
  <si>
    <t>Mix of paper and electronic invoices without a strategy for migrating paper invoices to electronic based invoices</t>
  </si>
  <si>
    <t>Leverages Electronic Data Interchange (EDI) feeds and XML to receive invoices. The organization has a plan for transitioning all paper invoices to electronic invoices</t>
  </si>
  <si>
    <t>Global strategy for processing invoices and payments through the usage of the right technology and organization structure (shared services in different parts of the world). The entire organization and structure utilizes a consistent approach and methodology for processing invoices to ensure limited human intervention</t>
  </si>
  <si>
    <t xml:space="preserve">Invoice (paper-based) matching process is completely manual </t>
  </si>
  <si>
    <t>Invoice documents are scanned and uploaded in the system, but the matching process is manual with limited standard process and workflow defined for invoice mismatch or exceptions</t>
  </si>
  <si>
    <t xml:space="preserve"> Majority of invoices are electronic and are instantly matched with POs and receipts for accuracy. Utilizes exceptions resolving mechanism and workflow in place for resolving mismatch scenarios</t>
  </si>
  <si>
    <t>The invoices matching and exception process is completely automated through rule-based engines. Exception within tolerances are resolved automatically and workflow is triggered where exceptions are out of tolerance ranges</t>
  </si>
  <si>
    <t xml:space="preserve">Working capital is a limited focus for the organization and is managed on an ad-hoc basis
</t>
  </si>
  <si>
    <t>Payment process is well-defined with early payment discounts policy enforced and linked to DPO optimization</t>
  </si>
  <si>
    <t>Payment process is optimized to take advance of working capital opportunities with dynamic discounting mechanism in place</t>
  </si>
  <si>
    <t>Optimizes working capital across its process by developing proactive payment strategy and cash flow projections. Simulation capabilities in place to predict and decide the optimal time to pay an invoice</t>
  </si>
  <si>
    <t xml:space="preserve">Recommendation based system to suggest and execute payment strategy based on multiple factors based on category (or item specifications), cash flow projections, supplier strategy &amp; relationship, dynamic discounting, working capital opportunities, and industry benchmarks etc. </t>
  </si>
  <si>
    <t xml:space="preserve">Invoices are captured and processed via the most optimal method on basis of spend category and invoice type (type-based invoice strategy). Usage of EDI, RPA and OCR for automatic data extraction and upload with limited human interference. </t>
  </si>
  <si>
    <t>Key Metrics: Payables Management</t>
  </si>
  <si>
    <t>Number of Finance FTEs</t>
  </si>
  <si>
    <t>Finance Costs</t>
  </si>
  <si>
    <t>Unplanned Losses from unforeseen risk events (in %)</t>
  </si>
  <si>
    <t>Supplier Discounts Lost (in %)</t>
  </si>
  <si>
    <t>Incoming Invoices using Online Processing (in %)</t>
  </si>
  <si>
    <t>All approved expense invoices are automatically paid on supplier terms to maximize discounts</t>
  </si>
  <si>
    <t>Limited collaboration with suppliers, contracted manufacturers, logistic service providers, and other partners</t>
  </si>
  <si>
    <t>Collaborates with suppliers, contracted manufacturers, logistic service providers when changes occur</t>
  </si>
  <si>
    <t>Collaborates with suppliers, contracted manufacturers, logistic service providers, and other partners when changes occur and through quarterly business reviews</t>
  </si>
  <si>
    <t>Collaborates with suppliers, contracted manufacturers, logistic service providers, and other partners on a real-time basis through a custom built portal that has to be integrated and maintained on a dedicated basis</t>
  </si>
  <si>
    <t>Ability to collaborate, coordinate business decisions and share insights across business networks on a daily basis - with suppliers, contracted manufacturers, logistic service providers, and other partners through a network cloud based solution</t>
  </si>
  <si>
    <t>Analyze profitability, understanding the basic drivers of the contribution in financial terms</t>
  </si>
  <si>
    <t>Full understanding of the end-to-end value chain provided by a consolidated and entity view and also focuses on actuals, and variance analyses</t>
  </si>
  <si>
    <t>Real time 'What-if?' analysis, based on key business drivers to handle complex topics like tax optimization, transfer pricing etc.</t>
  </si>
  <si>
    <t>Prescriptive recommendations in order to decide on what action to take in order to support complex topics like tax optimization, transfer pricing etc.</t>
  </si>
  <si>
    <t>Core steps are supported by system but manual intervention is required for initiation and governance</t>
  </si>
  <si>
    <t xml:space="preserve">
Spreadsheet based financial planning that is decoupled from commercial and supply chain planning and follows a static calendar (annual/ quarter)</t>
  </si>
  <si>
    <t xml:space="preserve">
Financial planning is linked to operational planning through manual handover between different functions but follows a static calendar</t>
  </si>
  <si>
    <t>Finance is deeply involved and even guides strategic themes; 'What-if?' analysis to model the impact of changes before committing to plans; at operational and boardroom level</t>
  </si>
  <si>
    <t>Well-oiled process governance, automated through the support of modern technology, resulting in a fast integration of acquired entities into the organization</t>
  </si>
  <si>
    <t xml:space="preserve">
Traditional Profit and Loss reporting and no involvement in value creation activities</t>
  </si>
  <si>
    <t>All resulting changes are processed manually in multiple disjoint systems</t>
  </si>
  <si>
    <t>Manual process is maintained initially, while in parallel getting the acquired entities integrated into the existing environment</t>
  </si>
  <si>
    <t>Immediately reflect organization and process changes along with leveraging 'What-'if' analysis, driven by predictive models, to assess impact and come up with alerts and recommendations</t>
  </si>
  <si>
    <t>Cross-functional, driver based rolling forecasting, leveraging predictive capabilities to for impact simulation and analysis even across company borders / business networks</t>
  </si>
  <si>
    <t>Cross-functional rolling forecasting in conjunction with tactical and strategic plan and use of operational drivers as a basis for planning</t>
  </si>
  <si>
    <t xml:space="preserve"> 
Rolling forecasting in conjunction with tactical and strategic plan with process governance and approval flows along with partial integration with operational planning</t>
  </si>
  <si>
    <t>End-to-end understanding of the value chain, but incomplete handovers for subcontracting. Fragmented Systems as basis: data cleansing and transformation needed before consolidation</t>
  </si>
  <si>
    <t>Operational accounting processes are executed manually and in-house in a dispersed setup across multiple accounting departments</t>
  </si>
  <si>
    <t xml:space="preserve">Step wise automation of operational accounting processes
</t>
  </si>
  <si>
    <t xml:space="preserve">Operational accounting processes are partially automated 
</t>
  </si>
  <si>
    <t>High degree of automation (rule based) for executing operational processes however exception handling is manual</t>
  </si>
  <si>
    <t>Intelligent automation and predictive models are used especially for exception handling</t>
  </si>
  <si>
    <t>Manual and effort intensive close activities that do not begin until period end</t>
  </si>
  <si>
    <t>Predictive closing based on intelligent solutions for reconciliations, proposals, repetitive tasks and error handling</t>
  </si>
  <si>
    <t>Heavy reliance on excels and manually driven root cause analysis with no visibility into the full picture while making decisions</t>
  </si>
  <si>
    <t>Dependence on few batch jobs, and data is generally only available at the aggregated level from several different sources</t>
  </si>
  <si>
    <t>Entities have to rely on various sources for internal and external information however granular level data is available post aggregation</t>
  </si>
  <si>
    <t>Single source of truth is available at a group level</t>
  </si>
  <si>
    <t>Extensive manual effort required to reflect the changes. Everything is outside of system and based on excels</t>
  </si>
  <si>
    <t>Core steps are system supported but manual intervention required for initiation and governance</t>
  </si>
  <si>
    <t>Fast and automated processing of changes but still not on an immediate basis</t>
  </si>
  <si>
    <t>Compliance tasks are executed manually</t>
  </si>
  <si>
    <t>Compliance tasks are completely automated but system does not have self-auditing capabilities</t>
  </si>
  <si>
    <t>System has self auditing capabilities with automatic triggers and alerts in case of non - compliance</t>
  </si>
  <si>
    <t>Intelligent solutions are leveraged for providing recommendations to meet compliance</t>
  </si>
  <si>
    <t>Manual development of cash position that requires individual collection of bank statements</t>
  </si>
  <si>
    <t xml:space="preserve">Development of Cash Position is not always up to date. Bank statements from multiple sources automatically but the loading of bank statements into the template is still manual </t>
  </si>
  <si>
    <t>Daily cash position is provided by a Treasury Management System through automated statement loads. Additional manual effort is required to capture statement from all sources</t>
  </si>
  <si>
    <t>Cash visibility into accounts is based on material cash balances and flows and is managed through straight-through processing with central access to global cash balances as well as multicurrency management and reporting across all business units</t>
  </si>
  <si>
    <t>Structured cash flow forecast is not available as forecast is developed manually by using information from multiple sources</t>
  </si>
  <si>
    <t>Structured cash flow forecast is available on spreadsheets but effort intensive, manual process for updating forecast. Comparison to the previous forecasts and actuals not possible</t>
  </si>
  <si>
    <t>Structured cash flow forecast is generated by the system after data loading and processing. Forecast is reliable for making most of the cash decisions but no simulation capabilities</t>
  </si>
  <si>
    <t>Integrated liquidity forecasting including cash flow analysis using multi dimensional real-time analytics, variance analysis of Plan/Actual and simulation capability to assess cash flow impacts based on scenarios</t>
  </si>
  <si>
    <t>Liquidity forecast is available on-the-fly using planned and actual transactions combined with predictive analytics data. Predictive analytical data is developed using machine learning technologies</t>
  </si>
  <si>
    <t>No established corporate hedging policies and execution mechanisms. Hedging performed on a one-off basis. Manual and ad-hoc collection of exposure information</t>
  </si>
  <si>
    <t>Rudimentary hedging policies in place. Manual and spreadsheets based exposure collection and risk reporting. Systematic hedging through multiple trading mechanisms with no end-to-end integration</t>
  </si>
  <si>
    <t>Hedging policies in place but not fully implemented. Exposures are managed centrally but collected from multiple sources through file uploads. Risk reporting requires aggregation from multiple sources</t>
  </si>
  <si>
    <t>Hedging policies are implemented through fully integrated systems and straight-through processing. Exposures are collected and evaluated automatically. Extensive risk reporting and analytics. Automated hedge accounting, if applicable</t>
  </si>
  <si>
    <t>Predictive technologies are used to develop exposure position. Hedging and accounting process is fully automated. All policies and controls are managed electronically but for managing exceptions</t>
  </si>
  <si>
    <t>Ad-hoc and manual debt and investment decision making process. Position reporting is spreadsheet based and requires aggregation from multiple sources</t>
  </si>
  <si>
    <t>There are processes and mechanisms in place to evaluate capital structure requirements. The decisions to execute the debt and investment transactions and reporting are still manual</t>
  </si>
  <si>
    <t>Electronic systems are used to manage the debt and investment management process. Basic analytical reporting exists.</t>
  </si>
  <si>
    <t>Debt and investment decisions are highly integrated with the cash management and forecasting processes. End-to-end integration with both counterparty supported tools and internal integration with internal back-office. Multi-dimensional on-the-fly analysis</t>
  </si>
  <si>
    <t>Capital is continuously optimized through machine learning and predictive technologies. All policies and controls are managed electronically and human intervention is required only for managing exceptions</t>
  </si>
  <si>
    <t>All compliance tasks are executed manually</t>
  </si>
  <si>
    <t>Integrated Treasury Management System enables compliance to all internal and external requirements. Operational risk is actively monitored, analyzed and acted upon through automated system controls. Prioritized exception management processes are executed in the system.</t>
  </si>
  <si>
    <t xml:space="preserve">Majority of compliance and reporting is performed through Treasury Management Systems using technologies such as machine learning, big-data and predictive analytics. The process controls are established across the ecosystem. </t>
  </si>
  <si>
    <t>Scattered information across system landscape Standalone processes and decoupled working capital management initiatives</t>
  </si>
  <si>
    <t xml:space="preserve">Manual collection of data and processing </t>
  </si>
  <si>
    <t xml:space="preserve">Operational cash collection and credit evaluation processes are partially automated </t>
  </si>
  <si>
    <t xml:space="preserve">No view on days sales outstanding and the underlying drivers </t>
  </si>
  <si>
    <t xml:space="preserve">Manual collection of data for DSO reporting, tracking outside the system, purely excel based </t>
  </si>
  <si>
    <t xml:space="preserve">System support for DSO calculation, taking into account historical data only </t>
  </si>
  <si>
    <t xml:space="preserve">Predictive models for forecasting Days Sales Outstanding with recommendations of required measures to get to the desired end-state  </t>
  </si>
  <si>
    <t>No consideration of external expertise from credit agencies in the current scoring model of a credit management system</t>
  </si>
  <si>
    <t>Core steps in a credit assessment are system supported, but manual collection and maintenance of credit agency data is required</t>
  </si>
  <si>
    <t>Rating information from external agencies is fully integrated into the Credit Management system and used to automate scoring models and risk assessment</t>
  </si>
  <si>
    <t>Static cash collections process with no consideration of overall customer data</t>
  </si>
  <si>
    <t>Customer relationships are considered in determining the right collections strategy however dependence on static customer data</t>
  </si>
  <si>
    <t>Predictive analytics for modeling the right collection strategy for each customer/ group along with system proposed corrective measures; better view on defaults</t>
  </si>
  <si>
    <t>No usage of online booking tool by employees, external travel service providers involved for bookings</t>
  </si>
  <si>
    <t>No usage of online booking tool by employees, partnered travel desk involved for bookings</t>
  </si>
  <si>
    <t>Usage of external online booking portals like booking.com by employees</t>
  </si>
  <si>
    <t>Employees using corporate online booking platform enforcing compliance</t>
  </si>
  <si>
    <t>Employees using corporate online booking platform enforcing compliance assisted by AI based bots to identify ideal flight/hotel</t>
  </si>
  <si>
    <t>Separate invoice and payment systems, approved invoices are manually sent for payments, manual process to make payments, no contracts established with suppliers</t>
  </si>
  <si>
    <t>Separate invoice and payment systems, approved invoices need to be manually sent for payments, no visibility of contracts established with the supplier on payment terms</t>
  </si>
  <si>
    <t>Invoice and payment systems are integrated, approved invoices are automatically sent for payment, payment team checks for supplier terms from the contacts system and process the payment</t>
  </si>
  <si>
    <t>Invoice, contracts and payment systems are integrated, approved invoices are automatically sent for payment, suppliers terms for payments is available on the payment system, payment team makes payment based on established contracts</t>
  </si>
  <si>
    <t>Integrated systems for invoice, contracts and payments where approved invoices are automatically cleared for payments, intelligent payment system captures supplier terms from contracts system and automatically process the payment</t>
  </si>
  <si>
    <t>No system to capture data for travel, no reporting possible exclusively for travel and expense has to rely on finance reporting</t>
  </si>
  <si>
    <t>Disparate systems capturing data for travel, expense, payment channels, travel and expense reporting is manual and based on multiple systems with no single source of truth</t>
  </si>
  <si>
    <t>Integrated system capturing all data, automated travel and expense reporting of selected reports, new reporting requirements need to be developed, limited drill-down and slice and dice flexibility</t>
  </si>
  <si>
    <t>Standardized manual reports that provide a static view of space utilization with no linkage to underlying cost drivers and metrics</t>
  </si>
  <si>
    <t xml:space="preserve">Static view provided by point time analysis through an automated dashboard to track space utilization including capacity and cost metrics </t>
  </si>
  <si>
    <t>Manual execution of compliance and regulatory related tasks</t>
  </si>
  <si>
    <t>Fully automated and integrated compliance management with disruptive deep learning technologies to extract, structure and manage data from corporate documents that can be used to meet regulatory requirements</t>
  </si>
  <si>
    <t>Preventive maintenance (triggered by manually collecting equipment data/ vitals) is performed only on key real estate and/ or equipment</t>
  </si>
  <si>
    <t>Use of CAD drawings or BIM models to create digital twin of the building based on which maintenance is scheduled automatically</t>
  </si>
  <si>
    <t>The shared service center takes over very manual and administrative tasks that do not require analysis or decision-making</t>
  </si>
  <si>
    <t>The shared service center begins to automate transactions to become more efficient and responsive to requests</t>
  </si>
  <si>
    <t>The shared service center automates most transactions and handles exceptions based on predefined decision criteria</t>
  </si>
  <si>
    <t>The shared service center has automated most transactions, and begins to support management with analytics to support decision-making processes</t>
  </si>
  <si>
    <t>All operational finance processes run in-house in a dispersed setup across multiple departments</t>
  </si>
  <si>
    <t>A few central finance functions are executed within the shared services center</t>
  </si>
  <si>
    <t>Core finance processes are executed within the shared services center</t>
  </si>
  <si>
    <t>All finance operational processes are executed within a shared services center</t>
  </si>
  <si>
    <t>Shared Services provides new value-add services through adoption of more complex, knowledge based processes and integration with all other business processes</t>
  </si>
  <si>
    <t>No accountability process in place for auditing adherence, internal controls and segregation of duties</t>
  </si>
  <si>
    <t>Informal accountability in place for auditing adherence, internal controls and segregation of duties</t>
  </si>
  <si>
    <t>Formal accountability in place for auditing adherence, internal controls and segregation of duties</t>
  </si>
  <si>
    <t>Little if any structured taxonomy exists to organize data</t>
  </si>
  <si>
    <t>Limited use of COSO type control models for SOX certification</t>
  </si>
  <si>
    <t>Multiple frameworks are used for domain or risk specific classification</t>
  </si>
  <si>
    <t>Risk focused approaches dominate but methodologies, taxonomies and calibration are inconsistent</t>
  </si>
  <si>
    <t xml:space="preserve">Agreed and unified shared taxonomy exists for risk, control, compliance, process, objectives and organization. Assessment methodologies are consistent and calibration is standardized. </t>
  </si>
  <si>
    <t>Minimal or no controls framework</t>
  </si>
  <si>
    <t>Compliance tasks are partly automated but requires significant manual intervention</t>
  </si>
  <si>
    <t>Security not incorporated into business objectives</t>
  </si>
  <si>
    <t>Limited reporting to business owners on security status</t>
  </si>
  <si>
    <t>Machine learning and analytics implemented to better predict and respond to security threats for enabling business agility</t>
  </si>
  <si>
    <t>Partial system support; reliance on manual, error-prone effort with no transparency on the current status or performance</t>
  </si>
  <si>
    <t>End to end process management cockpit for a faster close and increased steering capability</t>
  </si>
  <si>
    <t>Able to perform soft/ daily close (Event-triggered execution) that provides faster steering capability</t>
  </si>
  <si>
    <t>Instant access to all granular data and single source of truth is available at an entity level but additional effort required for Group reporting</t>
  </si>
  <si>
    <t xml:space="preserve">
Traditional Profit and Loss reporting with no understanding of the end-to-end value chain and only way of modelling intercompany processes is to handle them as third party buy-sell scenarios
</t>
  </si>
  <si>
    <t>Partial understanding of the basic drivers behind financial contribution
and consolidation and group costing are out of sync and seen as two separate approaches</t>
  </si>
  <si>
    <t>Highly granular information on profit to understand integrated value chain costing. Efficiency in pricing reporting, including the country by country reporting (CBCR) and local file reporting requirements</t>
  </si>
  <si>
    <t>Scenario building leveraging predictive capabilities to optimize business performance and intercompany processes for business model changes including an actionable feedback loop to the physical value chain</t>
  </si>
  <si>
    <t>Finance not seen as a strategic partner and is not involved in operational translation of the current strategy; Manual processes like reporting which does not support what-if analysis</t>
  </si>
  <si>
    <t>Ad-hoc involvement in strategy related work streams; Partial automation of processes</t>
  </si>
  <si>
    <t>Involvement in strategic planning on a regular basis but not by default; Automation of standard reporting, but limited simulation of potential future scenarios</t>
  </si>
  <si>
    <t>Complete automation of descriptive analytics and use of automated alerting and Natural Language Processing to simplify user interaction; AI and predictive analytics is leveraged to get to optimized future scenario building and for guidance  at execution level</t>
  </si>
  <si>
    <t>Not possible to reflect the changes in the system and manual overriding and adjustments to reflect the changes are done</t>
  </si>
  <si>
    <t>Compliance tasks are partly automated but require substantial manual intervention and system does not have self-auditing capabilities</t>
  </si>
  <si>
    <t>Transactions are reported into cash position as soon as they are executed so the reporting is up to date. The General Ledger balances are automatically synchronized with the bank balances</t>
  </si>
  <si>
    <t xml:space="preserve">All critical compliance tasks are automated but systems are not integrated. Operational risk is manually monitored making it difficult to comply with regulations </t>
  </si>
  <si>
    <t>Rule-based automation of core operational processes. Out-of-the-box integrations for extensions/ accelerators for core processes</t>
  </si>
  <si>
    <t>Fully automated receivables process with Machine Learning capabilities. Instant reaction on customers financial situation and automatic derivation of next steps</t>
  </si>
  <si>
    <t xml:space="preserve">Automated DSO calculation with limited simulation functionality therefore limited derivation of required measures and improvements </t>
  </si>
  <si>
    <t xml:space="preserve">No single view of customer situation and extensive manual effort required for credit management which is mostly excel based </t>
  </si>
  <si>
    <t xml:space="preserve">Custom-built interface to credit agency established. Semi-automated process integration of external data into existing credit management scorecard </t>
  </si>
  <si>
    <t>Real-time information on customer financial information available - at any time. Cash collection process is fully integrated into other invoice2cash processes</t>
  </si>
  <si>
    <t>No holistic view of a customer situation in determining collection strategies and ad-hoc reports are created manually on a need basis</t>
  </si>
  <si>
    <t>No visibility into space utilization. Manual creation of ad-hoc reports on a need basis</t>
  </si>
  <si>
    <t>Leveraging IoT for better insights into actual occupancy and advanced analytics to visualize and analyze space utilization, occupancy insights, cost drivers and metrics</t>
  </si>
  <si>
    <t>Predictive models for forecasting space utilization, cost and business drivers. Use of machine learning to understand traffic patterns to optimize space utilization and employee productivity</t>
  </si>
  <si>
    <t>Compliance tasks are partly automated with no trigger for checks when changes are made to the lease agreement</t>
  </si>
  <si>
    <t>Compliance tasks are fully automated but the real estate and financial/ accounting systems are not integrated. Automatic triggers and alerts in case of non-compliance</t>
  </si>
  <si>
    <t>Compliance tasks are fully automated and real estate and financial/ accounting systems are integrated and system tracks lease modifications</t>
  </si>
  <si>
    <t>Building operations are executed manually  with reactive maintenance scheduling</t>
  </si>
  <si>
    <t>IoT to collect data form building equipment and use of advanced algorithms to map operational data from assets with master/ business data to detect anomalies which is used to schedule maintenance</t>
  </si>
  <si>
    <t>System intelligently proposes maintenance scheduling and predictive models are used to trigger maintenance orders. Business networks to execute/ complete maintenance requests</t>
  </si>
  <si>
    <t>Shared service center has completely automated the operational processes using disruptive technologies like ML and RPA and leverages predictive analytics to forecast the impact of decisions</t>
  </si>
  <si>
    <t>360 degree view of risk with business context and thus the ability to react and respond quickly to incidents and events</t>
  </si>
  <si>
    <t>Machine learning and analytics implemented to better predict and respond to risk threats. Advanced algorithms maps user assignments to appropriate systems</t>
  </si>
  <si>
    <t>IT ticket or email based processes for user on-boarding and administration. SoD analysis and reporting processes are manual</t>
  </si>
  <si>
    <t>SoD analysis built into user provisioning, and role design processes. Security monitoring implemented for business applications</t>
  </si>
  <si>
    <t>HR integration to automated provisioning processes. Complete privileged user management processes implemented; Security and vulnerability monitoring patterns implemented for all business applications</t>
  </si>
  <si>
    <t>Integration of security risk automation across business processes. Controls automation and user assignments are driven by machine learning algorithms</t>
  </si>
  <si>
    <t>Access activity and assignments used for compliance reporting. Governance framework implemented for personal and private data but manual customer consent and individual rights management</t>
  </si>
  <si>
    <t>Data and file classification capabilities with policy based encryption; periodic user and role certifications. Customer consent and individual rights management automated</t>
  </si>
  <si>
    <t>Integrated reporting for compliance authorities with effective data management and security measures for GDPR implemented. Automated personal data blocking, retention, deletion and use of privacy analytics and intelligence</t>
  </si>
  <si>
    <t>IT security along with business owners design and define roles for business processes and business drives IT security for optimal management of cyber security risk</t>
  </si>
  <si>
    <t>Board level cyber security risk management drives IT objectives; 360 degree view of cyber security risk with business context. Security and risk impacts correlated with business context</t>
  </si>
  <si>
    <t>Invoice matching and exception is completely touchless based on rules based engines and tolerances. Tolerances and rules are setup based on requirements needed by each country. Machine learning technology is applied to identify consistent reconciliation issues to ensure these are solved in a timely fashion</t>
  </si>
  <si>
    <t>Integrated systems capturing all data, static travel and expense reports generated manually on an ad-hoc way based on requirement</t>
  </si>
  <si>
    <t>Integrated systems capturing and reconciling all data in real-time and enriched with 3rd party data, automated regular and ad-hoc interactive reporting possible giving users option to drill down to the lowest level based on multiple parameters and slice and dice data to create insights</t>
  </si>
  <si>
    <t>The organization is able to collaborate and share insights across business networks on a daily basis - with suppliers, contract manufacturers, logistic service providers, and other partners</t>
  </si>
  <si>
    <t xml:space="preserve">
This survey will provide an executive-focused strategic value assessment for finance and can be used as a key input for digitizing office of the CFO. Key areas include:
• Financial Planning and Analysis
• Accounting &amp; Financial Close
• Treasury Management
• Receivables Management
• Payables Management
• Travel and Expense Management
• Real Estate Management
• Finance Shared Services
• Three Lines of Defense
• Cybersecurity and Data Protection
Survey Completion Instructions:
• Please provide data for most recent trailing 12 months or annual figures for organization level and geography selected.
• If question is not applicable or the answer is not known, leave answer field blank and do not enter zero.</t>
  </si>
  <si>
    <t>Corporate</t>
  </si>
  <si>
    <t>One Level Below (i.e. Business Unit...)</t>
  </si>
  <si>
    <t>Two Level Below (i.e. Division...)</t>
  </si>
  <si>
    <t>Three Or More Level Below (i.e. Various sub-organization)</t>
  </si>
  <si>
    <t>Geography</t>
  </si>
  <si>
    <t>Region (Choose a value, if you have selected 'Region' for above question on 'Geography')</t>
  </si>
  <si>
    <t>Country  (Choose a value, if you have selected 'Country' for above question on 'Geography')</t>
  </si>
  <si>
    <t>Territory  (Type a value, if you have selected 'Territory' for above question on 'Geography')</t>
  </si>
  <si>
    <t>SG&amp;A Expenses</t>
  </si>
  <si>
    <t>Total Employee Initiated Spend</t>
  </si>
  <si>
    <t>Company Name</t>
  </si>
  <si>
    <t xml:space="preserve">Participant First Name </t>
  </si>
  <si>
    <t xml:space="preserve">Participant Last Name </t>
  </si>
  <si>
    <t>Scope of the survey (Specify below)</t>
  </si>
  <si>
    <t>Aware of the T&amp;C and in agreement?</t>
  </si>
  <si>
    <t>World</t>
  </si>
  <si>
    <t>Region</t>
  </si>
  <si>
    <t>Country</t>
  </si>
  <si>
    <t>Territor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0.00_);_(* \(#,##0.00\);_(* &quot;-&quot;??_);_(@_)"/>
  </numFmts>
  <fonts count="30" x14ac:knownFonts="1">
    <font>
      <sz val="11"/>
      <color theme="1"/>
      <name val="Calibri"/>
      <family val="2"/>
      <scheme val="minor"/>
    </font>
    <font>
      <sz val="10"/>
      <color theme="1"/>
      <name val="Arial"/>
      <family val="2"/>
    </font>
    <font>
      <sz val="10"/>
      <name val="Arial"/>
      <family val="2"/>
    </font>
    <font>
      <b/>
      <sz val="12"/>
      <name val="Arial"/>
      <family val="2"/>
    </font>
    <font>
      <b/>
      <sz val="11"/>
      <name val="Arial"/>
      <family val="2"/>
    </font>
    <font>
      <b/>
      <sz val="10"/>
      <name val="Arial"/>
      <family val="2"/>
    </font>
    <font>
      <sz val="11"/>
      <color theme="1"/>
      <name val="Arial"/>
      <family val="2"/>
    </font>
    <font>
      <b/>
      <u/>
      <sz val="10"/>
      <name val="Arial"/>
      <family val="2"/>
    </font>
    <font>
      <sz val="10"/>
      <color rgb="FFFF0000"/>
      <name val="Arial"/>
      <family val="2"/>
    </font>
    <font>
      <sz val="9"/>
      <color rgb="FF000000"/>
      <name val="Arial"/>
      <family val="2"/>
    </font>
    <font>
      <b/>
      <sz val="9"/>
      <name val="Arial"/>
      <family val="2"/>
    </font>
    <font>
      <sz val="11"/>
      <name val="Arial"/>
      <family val="2"/>
    </font>
    <font>
      <sz val="9"/>
      <name val="Arial"/>
      <family val="2"/>
    </font>
    <font>
      <b/>
      <sz val="12"/>
      <color rgb="FF000000"/>
      <name val="Arial"/>
      <family val="2"/>
    </font>
    <font>
      <b/>
      <sz val="10"/>
      <color rgb="FF000000"/>
      <name val="Arial"/>
      <family val="2"/>
    </font>
    <font>
      <b/>
      <u/>
      <sz val="9"/>
      <color rgb="FF000000"/>
      <name val="Arial"/>
      <family val="2"/>
    </font>
    <font>
      <u/>
      <sz val="11"/>
      <color theme="10"/>
      <name val="Calibri"/>
      <family val="2"/>
      <scheme val="minor"/>
    </font>
    <font>
      <u/>
      <sz val="8"/>
      <color theme="10"/>
      <name val="Arial"/>
      <family val="2"/>
    </font>
    <font>
      <b/>
      <sz val="14"/>
      <color theme="1"/>
      <name val="Arial"/>
      <family val="2"/>
    </font>
    <font>
      <sz val="11"/>
      <color theme="1"/>
      <name val="Calibri"/>
      <family val="2"/>
      <scheme val="minor"/>
    </font>
    <font>
      <sz val="10"/>
      <color theme="1"/>
      <name val="Calibri"/>
      <family val="2"/>
      <scheme val="minor"/>
    </font>
    <font>
      <sz val="10"/>
      <name val="Calibri"/>
      <family val="2"/>
      <scheme val="minor"/>
    </font>
    <font>
      <b/>
      <sz val="10"/>
      <color indexed="12"/>
      <name val="Arial"/>
      <family val="2"/>
    </font>
    <font>
      <b/>
      <sz val="9"/>
      <color indexed="81"/>
      <name val="Tahoma"/>
      <family val="2"/>
    </font>
    <font>
      <sz val="9"/>
      <color indexed="81"/>
      <name val="Tahoma"/>
      <family val="2"/>
    </font>
    <font>
      <b/>
      <sz val="8"/>
      <color theme="1"/>
      <name val="Calibri"/>
      <family val="2"/>
      <scheme val="minor"/>
    </font>
    <font>
      <sz val="8"/>
      <color theme="1"/>
      <name val="Calibri"/>
      <family val="2"/>
      <scheme val="minor"/>
    </font>
    <font>
      <sz val="8"/>
      <name val="Calibri"/>
      <family val="2"/>
      <scheme val="minor"/>
    </font>
    <font>
      <sz val="9"/>
      <name val="Calibri"/>
      <family val="2"/>
      <scheme val="minor"/>
    </font>
    <font>
      <sz val="9"/>
      <color theme="1"/>
      <name val="Calibri"/>
      <family val="2"/>
      <scheme val="minor"/>
    </font>
  </fonts>
  <fills count="9">
    <fill>
      <patternFill patternType="none"/>
    </fill>
    <fill>
      <patternFill patternType="gray125"/>
    </fill>
    <fill>
      <patternFill patternType="solid">
        <fgColor theme="0"/>
        <bgColor indexed="64"/>
      </patternFill>
    </fill>
    <fill>
      <patternFill patternType="solid">
        <fgColor theme="1" tint="0.499984740745262"/>
        <bgColor indexed="64"/>
      </patternFill>
    </fill>
    <fill>
      <patternFill patternType="solid">
        <fgColor rgb="FFFFC000"/>
        <bgColor indexed="64"/>
      </patternFill>
    </fill>
    <fill>
      <patternFill patternType="solid">
        <fgColor indexed="13"/>
        <bgColor indexed="64"/>
      </patternFill>
    </fill>
    <fill>
      <patternFill patternType="solid">
        <fgColor theme="0" tint="-0.14999847407452621"/>
        <bgColor indexed="64"/>
      </patternFill>
    </fill>
    <fill>
      <patternFill patternType="solid">
        <fgColor theme="3" tint="0.79998168889431442"/>
        <bgColor indexed="64"/>
      </patternFill>
    </fill>
    <fill>
      <patternFill patternType="solid">
        <fgColor theme="1"/>
        <bgColor indexed="64"/>
      </patternFill>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s>
  <cellStyleXfs count="6">
    <xf numFmtId="0" fontId="0" fillId="0" borderId="0"/>
    <xf numFmtId="0" fontId="2" fillId="0" borderId="0"/>
    <xf numFmtId="0" fontId="16" fillId="0" borderId="0" applyNumberFormat="0" applyFill="0" applyBorder="0" applyAlignment="0" applyProtection="0"/>
    <xf numFmtId="164" fontId="2" fillId="0" borderId="0" applyFont="0" applyFill="0" applyBorder="0" applyAlignment="0" applyProtection="0"/>
    <xf numFmtId="164" fontId="2" fillId="0" borderId="0" applyFont="0" applyFill="0" applyBorder="0" applyAlignment="0" applyProtection="0"/>
    <xf numFmtId="0" fontId="19" fillId="0" borderId="0"/>
  </cellStyleXfs>
  <cellXfs count="132">
    <xf numFmtId="0" fontId="0" fillId="0" borderId="0" xfId="0"/>
    <xf numFmtId="0" fontId="0" fillId="2" borderId="0" xfId="0" applyFill="1"/>
    <xf numFmtId="0" fontId="6" fillId="2" borderId="0" xfId="0" applyFont="1" applyFill="1" applyBorder="1"/>
    <xf numFmtId="0" fontId="5" fillId="2" borderId="0" xfId="0" applyFont="1" applyFill="1" applyBorder="1" applyAlignment="1">
      <alignment horizontal="left" vertical="center" wrapText="1"/>
    </xf>
    <xf numFmtId="0" fontId="5" fillId="2" borderId="0" xfId="0" applyNumberFormat="1" applyFont="1" applyFill="1" applyBorder="1" applyAlignment="1">
      <alignment horizontal="center"/>
    </xf>
    <xf numFmtId="0" fontId="6" fillId="2" borderId="1" xfId="0" applyFont="1" applyFill="1" applyBorder="1"/>
    <xf numFmtId="0" fontId="1" fillId="2" borderId="0" xfId="0" applyFont="1" applyFill="1" applyAlignment="1">
      <alignment vertical="center" wrapText="1"/>
    </xf>
    <xf numFmtId="0" fontId="8" fillId="2" borderId="0" xfId="0" applyFont="1" applyFill="1" applyAlignment="1">
      <alignment vertical="center" wrapText="1"/>
    </xf>
    <xf numFmtId="0" fontId="1" fillId="2" borderId="0" xfId="0" applyFont="1" applyFill="1" applyAlignment="1">
      <alignment vertical="center"/>
    </xf>
    <xf numFmtId="0" fontId="1" fillId="2" borderId="0" xfId="0" applyFont="1" applyFill="1" applyBorder="1" applyAlignment="1">
      <alignment vertical="center"/>
    </xf>
    <xf numFmtId="0" fontId="1" fillId="2" borderId="0" xfId="0" applyFont="1" applyFill="1" applyBorder="1" applyAlignment="1">
      <alignment vertical="center" wrapText="1"/>
    </xf>
    <xf numFmtId="0" fontId="4" fillId="4" borderId="0" xfId="1" applyFont="1" applyFill="1" applyBorder="1" applyAlignment="1">
      <alignment horizontal="center" vertical="center" wrapText="1"/>
    </xf>
    <xf numFmtId="0" fontId="4" fillId="2" borderId="0" xfId="1" applyFont="1" applyFill="1" applyBorder="1" applyAlignment="1">
      <alignment horizontal="center" vertical="center" wrapText="1"/>
    </xf>
    <xf numFmtId="0" fontId="10" fillId="0" borderId="0" xfId="1" applyFont="1" applyFill="1" applyBorder="1" applyAlignment="1">
      <alignment horizontal="center" wrapText="1"/>
    </xf>
    <xf numFmtId="0" fontId="10" fillId="5" borderId="0" xfId="1" applyFont="1" applyFill="1" applyBorder="1" applyAlignment="1">
      <alignment horizontal="center" wrapText="1"/>
    </xf>
    <xf numFmtId="0" fontId="11" fillId="0" borderId="0" xfId="1" applyFont="1" applyFill="1" applyBorder="1"/>
    <xf numFmtId="0" fontId="11" fillId="2" borderId="0" xfId="1" applyFont="1" applyFill="1" applyBorder="1"/>
    <xf numFmtId="0" fontId="11" fillId="0" borderId="0" xfId="1" applyFont="1" applyBorder="1"/>
    <xf numFmtId="0" fontId="11" fillId="0" borderId="0" xfId="1" applyFont="1" applyBorder="1" applyAlignment="1">
      <alignment horizontal="center"/>
    </xf>
    <xf numFmtId="0" fontId="11" fillId="2" borderId="0" xfId="1" applyFont="1" applyFill="1" applyBorder="1" applyAlignment="1">
      <alignment horizontal="center"/>
    </xf>
    <xf numFmtId="0" fontId="12" fillId="0" borderId="0" xfId="1" applyFont="1" applyBorder="1"/>
    <xf numFmtId="0" fontId="12" fillId="0" borderId="0" xfId="1" applyFont="1" applyFill="1" applyBorder="1"/>
    <xf numFmtId="0" fontId="12" fillId="2" borderId="0" xfId="1" applyFont="1" applyFill="1" applyBorder="1"/>
    <xf numFmtId="0" fontId="13" fillId="2" borderId="0" xfId="0" applyFont="1" applyFill="1" applyBorder="1" applyAlignment="1">
      <alignment vertical="top" wrapText="1"/>
    </xf>
    <xf numFmtId="0" fontId="1" fillId="3" borderId="0" xfId="0" applyFont="1" applyFill="1" applyBorder="1"/>
    <xf numFmtId="0" fontId="14" fillId="2" borderId="0" xfId="0" applyFont="1" applyFill="1" applyBorder="1" applyAlignment="1">
      <alignment wrapText="1"/>
    </xf>
    <xf numFmtId="0" fontId="9" fillId="2" borderId="5" xfId="0" applyFont="1" applyFill="1" applyBorder="1" applyAlignment="1">
      <alignment vertical="top" wrapText="1"/>
    </xf>
    <xf numFmtId="0" fontId="17" fillId="2" borderId="0" xfId="2" applyFont="1" applyFill="1" applyBorder="1" applyAlignment="1">
      <alignment wrapText="1"/>
    </xf>
    <xf numFmtId="0" fontId="1" fillId="3" borderId="0" xfId="0" applyFont="1" applyFill="1" applyBorder="1" applyAlignment="1">
      <alignment wrapText="1"/>
    </xf>
    <xf numFmtId="0" fontId="2" fillId="2" borderId="0" xfId="0" applyFont="1" applyFill="1" applyAlignment="1">
      <alignment vertical="center" wrapText="1"/>
    </xf>
    <xf numFmtId="0" fontId="1" fillId="2" borderId="0" xfId="0" applyFont="1" applyFill="1" applyAlignment="1">
      <alignment horizontal="center" vertical="center" wrapText="1"/>
    </xf>
    <xf numFmtId="0" fontId="3" fillId="2" borderId="0" xfId="0" applyFont="1" applyFill="1" applyBorder="1" applyAlignment="1">
      <alignment horizontal="center" vertical="center" wrapText="1"/>
    </xf>
    <xf numFmtId="0" fontId="2" fillId="2" borderId="0" xfId="0" applyFont="1" applyFill="1" applyBorder="1" applyAlignment="1">
      <alignment horizontal="left" vertical="center" wrapText="1"/>
    </xf>
    <xf numFmtId="0" fontId="2" fillId="2" borderId="0" xfId="0" applyFont="1" applyFill="1" applyAlignment="1">
      <alignment vertical="center"/>
    </xf>
    <xf numFmtId="0" fontId="1" fillId="2" borderId="0" xfId="0" applyFont="1" applyFill="1" applyAlignment="1">
      <alignment horizontal="right" vertical="center" wrapText="1"/>
    </xf>
    <xf numFmtId="0" fontId="6" fillId="2" borderId="0" xfId="0" applyFont="1" applyFill="1" applyAlignment="1">
      <alignment vertical="center" wrapText="1"/>
    </xf>
    <xf numFmtId="0" fontId="6" fillId="2" borderId="0" xfId="0" applyFont="1" applyFill="1"/>
    <xf numFmtId="0" fontId="1" fillId="2" borderId="0" xfId="0" applyFont="1" applyFill="1" applyBorder="1" applyAlignment="1">
      <alignment horizontal="center" vertical="center"/>
    </xf>
    <xf numFmtId="0" fontId="2" fillId="2" borderId="0" xfId="0" applyFont="1" applyFill="1" applyBorder="1" applyAlignment="1">
      <alignment vertical="center" wrapText="1"/>
    </xf>
    <xf numFmtId="0" fontId="5" fillId="2" borderId="0" xfId="0" applyFont="1" applyFill="1" applyBorder="1" applyAlignment="1">
      <alignment vertical="center" wrapText="1"/>
    </xf>
    <xf numFmtId="0" fontId="7" fillId="6" borderId="0" xfId="0" applyFont="1" applyFill="1" applyAlignment="1">
      <alignment vertical="center" wrapText="1"/>
    </xf>
    <xf numFmtId="0" fontId="20" fillId="0" borderId="0" xfId="0" applyFont="1" applyBorder="1" applyAlignment="1">
      <alignment horizontal="left" vertical="center" wrapText="1"/>
    </xf>
    <xf numFmtId="0" fontId="1" fillId="2" borderId="0" xfId="0" applyFont="1" applyFill="1" applyBorder="1" applyAlignment="1">
      <alignment horizontal="center" vertical="center"/>
    </xf>
    <xf numFmtId="0" fontId="11" fillId="2" borderId="0" xfId="1" applyFont="1" applyFill="1" applyBorder="1" applyAlignment="1">
      <alignment horizontal="center" vertical="center"/>
    </xf>
    <xf numFmtId="0" fontId="6" fillId="2" borderId="6" xfId="0" applyFont="1" applyFill="1" applyBorder="1"/>
    <xf numFmtId="0" fontId="6" fillId="2" borderId="11" xfId="0" applyFont="1" applyFill="1" applyBorder="1"/>
    <xf numFmtId="0" fontId="6" fillId="2" borderId="9" xfId="0" applyFont="1" applyFill="1" applyBorder="1"/>
    <xf numFmtId="0" fontId="6" fillId="2" borderId="12" xfId="0" applyFont="1" applyFill="1" applyBorder="1"/>
    <xf numFmtId="0" fontId="6" fillId="2" borderId="13" xfId="0" applyFont="1" applyFill="1" applyBorder="1"/>
    <xf numFmtId="0" fontId="25" fillId="7" borderId="1" xfId="0" applyFont="1" applyFill="1" applyBorder="1" applyAlignment="1">
      <alignment horizontal="left" vertical="center" wrapText="1"/>
    </xf>
    <xf numFmtId="0" fontId="26" fillId="7" borderId="1" xfId="0" applyFont="1" applyFill="1" applyBorder="1" applyAlignment="1">
      <alignment horizontal="left" vertical="center" wrapText="1"/>
    </xf>
    <xf numFmtId="0" fontId="26" fillId="7" borderId="2" xfId="0" applyFont="1" applyFill="1" applyBorder="1" applyAlignment="1">
      <alignment horizontal="left" vertical="center" wrapText="1"/>
    </xf>
    <xf numFmtId="0" fontId="0" fillId="2" borderId="12" xfId="0" applyFill="1" applyBorder="1"/>
    <xf numFmtId="0" fontId="0" fillId="2" borderId="11" xfId="0" applyFill="1" applyBorder="1"/>
    <xf numFmtId="0" fontId="0" fillId="2" borderId="9" xfId="0" applyFill="1" applyBorder="1"/>
    <xf numFmtId="0" fontId="20" fillId="0" borderId="0" xfId="0" applyFont="1" applyFill="1" applyBorder="1" applyAlignment="1">
      <alignment horizontal="left" vertical="top" wrapText="1"/>
    </xf>
    <xf numFmtId="0" fontId="26" fillId="7" borderId="6" xfId="0" applyFont="1" applyFill="1" applyBorder="1" applyAlignment="1">
      <alignment horizontal="left" vertical="center" wrapText="1"/>
    </xf>
    <xf numFmtId="0" fontId="27" fillId="7" borderId="1" xfId="1" applyNumberFormat="1" applyFont="1" applyFill="1" applyBorder="1" applyAlignment="1">
      <alignment horizontal="left" vertical="center" wrapText="1"/>
    </xf>
    <xf numFmtId="0" fontId="27" fillId="7" borderId="2" xfId="1" applyNumberFormat="1" applyFont="1" applyFill="1" applyBorder="1" applyAlignment="1">
      <alignment horizontal="left" vertical="center" wrapText="1"/>
    </xf>
    <xf numFmtId="0" fontId="26" fillId="7" borderId="1" xfId="0" applyFont="1" applyFill="1" applyBorder="1" applyAlignment="1">
      <alignment vertical="center" wrapText="1"/>
    </xf>
    <xf numFmtId="0" fontId="26" fillId="7" borderId="2" xfId="0" applyFont="1" applyFill="1" applyBorder="1" applyAlignment="1">
      <alignment vertical="center" wrapText="1"/>
    </xf>
    <xf numFmtId="0" fontId="7" fillId="2" borderId="0" xfId="0" applyFont="1" applyFill="1" applyAlignment="1">
      <alignment horizontal="left" vertical="center" wrapText="1"/>
    </xf>
    <xf numFmtId="0" fontId="1" fillId="2" borderId="1" xfId="0" applyFont="1" applyFill="1" applyBorder="1" applyAlignment="1">
      <alignment vertical="center" wrapText="1"/>
    </xf>
    <xf numFmtId="0" fontId="26" fillId="7" borderId="7" xfId="0" applyFont="1" applyFill="1" applyBorder="1" applyAlignment="1">
      <alignment horizontal="left" vertical="center" wrapText="1"/>
    </xf>
    <xf numFmtId="0" fontId="26" fillId="7" borderId="11" xfId="0" applyFont="1" applyFill="1" applyBorder="1" applyAlignment="1">
      <alignment horizontal="left" vertical="center" wrapText="1"/>
    </xf>
    <xf numFmtId="0" fontId="25" fillId="7" borderId="7" xfId="0" applyFont="1" applyFill="1" applyBorder="1" applyAlignment="1">
      <alignment horizontal="left" vertical="center" wrapText="1"/>
    </xf>
    <xf numFmtId="0" fontId="0" fillId="2" borderId="0" xfId="0" applyFill="1" applyBorder="1"/>
    <xf numFmtId="0" fontId="27" fillId="7" borderId="2" xfId="0" applyFont="1" applyFill="1" applyBorder="1" applyAlignment="1">
      <alignment horizontal="left" vertical="center" wrapText="1"/>
    </xf>
    <xf numFmtId="0" fontId="27" fillId="7" borderId="1" xfId="0" applyFont="1" applyFill="1" applyBorder="1" applyAlignment="1">
      <alignment horizontal="left" vertical="center" wrapText="1"/>
    </xf>
    <xf numFmtId="0" fontId="25" fillId="7" borderId="1" xfId="0" applyFont="1" applyFill="1" applyBorder="1" applyAlignment="1">
      <alignment horizontal="left" vertical="center"/>
    </xf>
    <xf numFmtId="0" fontId="29" fillId="0" borderId="0" xfId="0" applyFont="1" applyAlignment="1">
      <alignment wrapText="1"/>
    </xf>
    <xf numFmtId="0" fontId="1" fillId="6" borderId="0" xfId="0" applyFont="1" applyFill="1" applyAlignment="1">
      <alignment vertical="center"/>
    </xf>
    <xf numFmtId="0" fontId="1" fillId="6" borderId="0" xfId="0" applyFont="1" applyFill="1" applyAlignment="1">
      <alignment vertical="center" wrapText="1"/>
    </xf>
    <xf numFmtId="0" fontId="0" fillId="2" borderId="0" xfId="0" applyFill="1" applyAlignment="1">
      <alignment horizontal="center"/>
    </xf>
    <xf numFmtId="0" fontId="2" fillId="2" borderId="1" xfId="0" applyFont="1" applyFill="1" applyBorder="1" applyAlignment="1">
      <alignment horizontal="left" vertical="center" wrapText="1" indent="1"/>
    </xf>
    <xf numFmtId="0" fontId="2" fillId="2" borderId="1" xfId="0" applyFont="1" applyFill="1" applyBorder="1" applyAlignment="1">
      <alignment horizontal="right" vertical="center" wrapText="1"/>
    </xf>
    <xf numFmtId="0" fontId="5" fillId="2" borderId="1" xfId="0" applyFont="1" applyFill="1" applyBorder="1" applyAlignment="1">
      <alignment horizontal="left" vertical="center" wrapText="1"/>
    </xf>
    <xf numFmtId="0" fontId="1" fillId="2" borderId="1" xfId="0" applyFont="1" applyFill="1" applyBorder="1" applyAlignment="1">
      <alignment horizontal="right" vertical="center"/>
    </xf>
    <xf numFmtId="164" fontId="2" fillId="0" borderId="2" xfId="3" applyFont="1" applyFill="1" applyBorder="1" applyAlignment="1">
      <alignment horizontal="left" vertical="center" wrapText="1"/>
    </xf>
    <xf numFmtId="164" fontId="2" fillId="0" borderId="4" xfId="3" applyFont="1" applyFill="1" applyBorder="1" applyAlignment="1">
      <alignment horizontal="left" vertical="center" wrapText="1"/>
    </xf>
    <xf numFmtId="164" fontId="2" fillId="0" borderId="3" xfId="3" applyFont="1" applyFill="1" applyBorder="1" applyAlignment="1">
      <alignment horizontal="left" vertical="center" wrapText="1"/>
    </xf>
    <xf numFmtId="0" fontId="1" fillId="2" borderId="1" xfId="0" applyFont="1" applyFill="1" applyBorder="1" applyAlignment="1">
      <alignment horizontal="center" vertical="center"/>
    </xf>
    <xf numFmtId="0" fontId="22" fillId="0" borderId="10" xfId="5" applyFont="1" applyFill="1" applyBorder="1" applyAlignment="1">
      <alignment horizontal="left" vertical="center"/>
    </xf>
    <xf numFmtId="164" fontId="2" fillId="0" borderId="2" xfId="4" applyFont="1" applyFill="1" applyBorder="1" applyAlignment="1">
      <alignment horizontal="left" vertical="center" wrapText="1"/>
    </xf>
    <xf numFmtId="164" fontId="2" fillId="0" borderId="4" xfId="4" applyFont="1" applyFill="1" applyBorder="1" applyAlignment="1">
      <alignment horizontal="left" vertical="center" wrapText="1"/>
    </xf>
    <xf numFmtId="164" fontId="2" fillId="0" borderId="3" xfId="4" applyFont="1" applyFill="1" applyBorder="1" applyAlignment="1">
      <alignment horizontal="left" vertical="center" wrapText="1"/>
    </xf>
    <xf numFmtId="164" fontId="2" fillId="0" borderId="2" xfId="3" applyFont="1" applyFill="1" applyBorder="1" applyAlignment="1">
      <alignment horizontal="left" vertical="top" wrapText="1"/>
    </xf>
    <xf numFmtId="164" fontId="2" fillId="0" borderId="4" xfId="3" applyFont="1" applyFill="1" applyBorder="1" applyAlignment="1">
      <alignment horizontal="left" vertical="top" wrapText="1"/>
    </xf>
    <xf numFmtId="164" fontId="2" fillId="0" borderId="3" xfId="3" applyFont="1" applyFill="1" applyBorder="1" applyAlignment="1">
      <alignment horizontal="left" vertical="top" wrapText="1"/>
    </xf>
    <xf numFmtId="164" fontId="5" fillId="0" borderId="8" xfId="3" applyFont="1" applyFill="1" applyBorder="1" applyAlignment="1">
      <alignment horizontal="left" vertical="center" wrapText="1"/>
    </xf>
    <xf numFmtId="164" fontId="5" fillId="0" borderId="2" xfId="3" applyFont="1" applyFill="1" applyBorder="1" applyAlignment="1">
      <alignment horizontal="left" vertical="center" wrapText="1"/>
    </xf>
    <xf numFmtId="164" fontId="5" fillId="0" borderId="4" xfId="3" applyFont="1" applyFill="1" applyBorder="1" applyAlignment="1">
      <alignment horizontal="left" vertical="center" wrapText="1"/>
    </xf>
    <xf numFmtId="164" fontId="5" fillId="0" borderId="3" xfId="3" applyFont="1" applyFill="1" applyBorder="1" applyAlignment="1">
      <alignment horizontal="left" vertical="center" wrapText="1"/>
    </xf>
    <xf numFmtId="0" fontId="20" fillId="0" borderId="2" xfId="0" applyFont="1" applyFill="1" applyBorder="1" applyAlignment="1">
      <alignment horizontal="left" vertical="top" wrapText="1"/>
    </xf>
    <xf numFmtId="0" fontId="20" fillId="0" borderId="4" xfId="0" applyFont="1" applyFill="1" applyBorder="1" applyAlignment="1">
      <alignment horizontal="left" vertical="top" wrapText="1"/>
    </xf>
    <xf numFmtId="0" fontId="20" fillId="0" borderId="3" xfId="0" applyFont="1" applyFill="1" applyBorder="1" applyAlignment="1">
      <alignment horizontal="left" vertical="top" wrapText="1"/>
    </xf>
    <xf numFmtId="0" fontId="21" fillId="0" borderId="2" xfId="0" applyFont="1" applyBorder="1" applyAlignment="1">
      <alignment vertical="center" wrapText="1"/>
    </xf>
    <xf numFmtId="0" fontId="21" fillId="0" borderId="4" xfId="0" applyFont="1" applyBorder="1" applyAlignment="1">
      <alignment vertical="center" wrapText="1"/>
    </xf>
    <xf numFmtId="0" fontId="21" fillId="0" borderId="3" xfId="0" applyFont="1" applyBorder="1" applyAlignment="1">
      <alignment vertical="center" wrapText="1"/>
    </xf>
    <xf numFmtId="0" fontId="20" fillId="0" borderId="2" xfId="0" applyFont="1" applyFill="1" applyBorder="1" applyAlignment="1">
      <alignment horizontal="left" vertical="center" wrapText="1"/>
    </xf>
    <xf numFmtId="0" fontId="20" fillId="0" borderId="4" xfId="0" applyFont="1" applyFill="1" applyBorder="1" applyAlignment="1">
      <alignment horizontal="left" vertical="center" wrapText="1"/>
    </xf>
    <xf numFmtId="0" fontId="20" fillId="0" borderId="3" xfId="0" applyFont="1" applyFill="1" applyBorder="1" applyAlignment="1">
      <alignment horizontal="left" vertical="center" wrapText="1"/>
    </xf>
    <xf numFmtId="0" fontId="20" fillId="0" borderId="2" xfId="0" applyFont="1" applyBorder="1" applyAlignment="1">
      <alignment vertical="center" wrapText="1"/>
    </xf>
    <xf numFmtId="0" fontId="20" fillId="0" borderId="4" xfId="0" applyFont="1" applyBorder="1" applyAlignment="1">
      <alignment vertical="center" wrapText="1"/>
    </xf>
    <xf numFmtId="0" fontId="20" fillId="0" borderId="3" xfId="0" applyFont="1" applyBorder="1" applyAlignment="1">
      <alignment vertical="center" wrapText="1"/>
    </xf>
    <xf numFmtId="0" fontId="5" fillId="6" borderId="0" xfId="0" applyFont="1" applyFill="1" applyAlignment="1">
      <alignment horizontal="left" vertical="center" wrapText="1"/>
    </xf>
    <xf numFmtId="0" fontId="1" fillId="2" borderId="7" xfId="0" applyFont="1" applyFill="1" applyBorder="1" applyAlignment="1">
      <alignment horizontal="center" vertical="center" wrapText="1"/>
    </xf>
    <xf numFmtId="0" fontId="1" fillId="2" borderId="6" xfId="0" applyFont="1" applyFill="1" applyBorder="1" applyAlignment="1">
      <alignment horizontal="center" vertical="center" wrapText="1"/>
    </xf>
    <xf numFmtId="0" fontId="16" fillId="2" borderId="1" xfId="2" applyFill="1" applyBorder="1" applyAlignment="1">
      <alignment horizontal="right" vertical="center"/>
    </xf>
    <xf numFmtId="0" fontId="1" fillId="8" borderId="2" xfId="0" applyFont="1" applyFill="1" applyBorder="1" applyAlignment="1">
      <alignment horizontal="right" vertical="center"/>
    </xf>
    <xf numFmtId="0" fontId="1" fillId="8" borderId="3" xfId="0" applyFont="1" applyFill="1" applyBorder="1" applyAlignment="1">
      <alignment horizontal="right" vertical="center"/>
    </xf>
    <xf numFmtId="0" fontId="20" fillId="0" borderId="1" xfId="0" applyFont="1" applyFill="1" applyBorder="1" applyAlignment="1">
      <alignment horizontal="left" vertical="center" wrapText="1"/>
    </xf>
    <xf numFmtId="0" fontId="5" fillId="2" borderId="1" xfId="0" applyFont="1" applyFill="1" applyBorder="1" applyAlignment="1">
      <alignment vertical="center" wrapText="1"/>
    </xf>
    <xf numFmtId="0" fontId="0" fillId="0" borderId="1" xfId="0" applyBorder="1" applyAlignment="1">
      <alignment vertical="center" wrapText="1"/>
    </xf>
    <xf numFmtId="0" fontId="18" fillId="4" borderId="0" xfId="0" applyFont="1" applyFill="1" applyAlignment="1">
      <alignment horizontal="center" vertical="center" wrapText="1"/>
    </xf>
    <xf numFmtId="164" fontId="5" fillId="0" borderId="0" xfId="3" applyFont="1" applyFill="1" applyBorder="1" applyAlignment="1">
      <alignment horizontal="center" vertical="center" wrapText="1"/>
    </xf>
    <xf numFmtId="0" fontId="2" fillId="2" borderId="2" xfId="0" applyFont="1" applyFill="1" applyBorder="1" applyAlignment="1">
      <alignment horizontal="left" vertical="center" wrapText="1"/>
    </xf>
    <xf numFmtId="0" fontId="2" fillId="2" borderId="4" xfId="0" applyFont="1" applyFill="1" applyBorder="1" applyAlignment="1">
      <alignment horizontal="left" vertical="center" wrapText="1"/>
    </xf>
    <xf numFmtId="0" fontId="2" fillId="2" borderId="3" xfId="0" applyFont="1" applyFill="1" applyBorder="1" applyAlignment="1">
      <alignment horizontal="left" vertical="center" wrapText="1"/>
    </xf>
    <xf numFmtId="0" fontId="7" fillId="2" borderId="8" xfId="0" applyFont="1" applyFill="1" applyBorder="1" applyAlignment="1">
      <alignment horizontal="center" vertical="center" wrapText="1"/>
    </xf>
    <xf numFmtId="0" fontId="28" fillId="0" borderId="2" xfId="0" applyFont="1" applyFill="1" applyBorder="1" applyAlignment="1">
      <alignment horizontal="left" vertical="center"/>
    </xf>
    <xf numFmtId="0" fontId="28" fillId="0" borderId="4" xfId="0" applyFont="1" applyFill="1" applyBorder="1" applyAlignment="1">
      <alignment horizontal="left" vertical="center"/>
    </xf>
    <xf numFmtId="0" fontId="28" fillId="0" borderId="3" xfId="0" applyFont="1" applyFill="1" applyBorder="1" applyAlignment="1">
      <alignment horizontal="left" vertical="center"/>
    </xf>
    <xf numFmtId="0" fontId="21" fillId="0" borderId="2" xfId="0" applyFont="1" applyFill="1" applyBorder="1" applyAlignment="1">
      <alignment horizontal="left" vertical="center" wrapText="1"/>
    </xf>
    <xf numFmtId="0" fontId="21" fillId="0" borderId="4" xfId="0" applyFont="1" applyFill="1" applyBorder="1" applyAlignment="1">
      <alignment horizontal="left" vertical="center" wrapText="1"/>
    </xf>
    <xf numFmtId="0" fontId="21" fillId="0" borderId="3" xfId="0" applyFont="1" applyFill="1" applyBorder="1" applyAlignment="1">
      <alignment horizontal="left" vertical="center" wrapText="1"/>
    </xf>
    <xf numFmtId="0" fontId="21" fillId="0" borderId="1" xfId="0" applyFont="1" applyFill="1" applyBorder="1" applyAlignment="1">
      <alignment horizontal="left" vertical="center" wrapText="1"/>
    </xf>
    <xf numFmtId="0" fontId="28" fillId="0" borderId="2" xfId="0" applyFont="1" applyFill="1" applyBorder="1" applyAlignment="1">
      <alignment horizontal="left" vertical="center" wrapText="1"/>
    </xf>
    <xf numFmtId="0" fontId="28" fillId="0" borderId="4" xfId="0" applyFont="1" applyFill="1" applyBorder="1" applyAlignment="1">
      <alignment horizontal="left" vertical="center" wrapText="1"/>
    </xf>
    <xf numFmtId="0" fontId="28" fillId="0" borderId="3" xfId="0" applyFont="1" applyFill="1" applyBorder="1" applyAlignment="1">
      <alignment horizontal="left" vertical="center" wrapText="1"/>
    </xf>
    <xf numFmtId="0" fontId="1" fillId="2" borderId="1" xfId="0" applyFont="1" applyFill="1" applyBorder="1" applyAlignment="1">
      <alignment horizontal="center" vertical="center" wrapText="1"/>
    </xf>
    <xf numFmtId="0" fontId="28" fillId="0" borderId="1" xfId="0" applyFont="1" applyFill="1" applyBorder="1" applyAlignment="1">
      <alignment horizontal="left" vertical="center"/>
    </xf>
  </cellXfs>
  <cellStyles count="6">
    <cellStyle name="Comma 2 3" xfId="3" xr:uid="{00000000-0005-0000-0000-000000000000}"/>
    <cellStyle name="Comma 3" xfId="4" xr:uid="{00000000-0005-0000-0000-000001000000}"/>
    <cellStyle name="Hyperlink" xfId="2" builtinId="8"/>
    <cellStyle name="Normal" xfId="0" builtinId="0"/>
    <cellStyle name="Normal 2" xfId="1" xr:uid="{00000000-0005-0000-0000-000004000000}"/>
    <cellStyle name="Normal 5" xfId="5" xr:uid="{00000000-0005-0000-0000-000005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11" Type="http://schemas.openxmlformats.org/officeDocument/2006/relationships/calcChain" Target="calcChain.xml"/><Relationship Id="rId5" Type="http://schemas.openxmlformats.org/officeDocument/2006/relationships/externalLink" Target="externalLinks/externalLink1.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6</xdr:col>
      <xdr:colOff>28846</xdr:colOff>
      <xdr:row>65</xdr:row>
      <xdr:rowOff>24493</xdr:rowOff>
    </xdr:from>
    <xdr:to>
      <xdr:col>7</xdr:col>
      <xdr:colOff>31285</xdr:colOff>
      <xdr:row>65</xdr:row>
      <xdr:rowOff>183117</xdr:rowOff>
    </xdr:to>
    <xdr:grpSp>
      <xdr:nvGrpSpPr>
        <xdr:cNvPr id="9" name="Group 8">
          <a:extLst>
            <a:ext uri="{FF2B5EF4-FFF2-40B4-BE49-F238E27FC236}">
              <a16:creationId xmlns:a16="http://schemas.microsoft.com/office/drawing/2014/main" id="{00000000-0008-0000-0000-000009000000}"/>
            </a:ext>
          </a:extLst>
        </xdr:cNvPr>
        <xdr:cNvGrpSpPr/>
      </xdr:nvGrpSpPr>
      <xdr:grpSpPr>
        <a:xfrm>
          <a:off x="10227099" y="16243770"/>
          <a:ext cx="1104126" cy="158624"/>
          <a:chOff x="5523280" y="3351275"/>
          <a:chExt cx="1050189" cy="155449"/>
        </a:xfrm>
      </xdr:grpSpPr>
      <xdr:sp macro="" textlink="">
        <xdr:nvSpPr>
          <xdr:cNvPr id="10" name="Oval 9">
            <a:extLst>
              <a:ext uri="{FF2B5EF4-FFF2-40B4-BE49-F238E27FC236}">
                <a16:creationId xmlns:a16="http://schemas.microsoft.com/office/drawing/2014/main" id="{00000000-0008-0000-0000-00000A000000}"/>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1" name="Oval 10">
            <a:extLst>
              <a:ext uri="{FF2B5EF4-FFF2-40B4-BE49-F238E27FC236}">
                <a16:creationId xmlns:a16="http://schemas.microsoft.com/office/drawing/2014/main" id="{00000000-0008-0000-0000-00000B000000}"/>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2" name="Oval 11">
            <a:extLst>
              <a:ext uri="{FF2B5EF4-FFF2-40B4-BE49-F238E27FC236}">
                <a16:creationId xmlns:a16="http://schemas.microsoft.com/office/drawing/2014/main" id="{00000000-0008-0000-0000-00000C000000}"/>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3" name="Oval 12">
            <a:extLst>
              <a:ext uri="{FF2B5EF4-FFF2-40B4-BE49-F238E27FC236}">
                <a16:creationId xmlns:a16="http://schemas.microsoft.com/office/drawing/2014/main" id="{00000000-0008-0000-0000-00000D000000}"/>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14" name="Oval 13">
            <a:extLst>
              <a:ext uri="{FF2B5EF4-FFF2-40B4-BE49-F238E27FC236}">
                <a16:creationId xmlns:a16="http://schemas.microsoft.com/office/drawing/2014/main" id="{00000000-0008-0000-0000-00000E000000}"/>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65</xdr:row>
      <xdr:rowOff>34018</xdr:rowOff>
    </xdr:from>
    <xdr:to>
      <xdr:col>8</xdr:col>
      <xdr:colOff>16045</xdr:colOff>
      <xdr:row>66</xdr:row>
      <xdr:rowOff>2142</xdr:rowOff>
    </xdr:to>
    <xdr:grpSp>
      <xdr:nvGrpSpPr>
        <xdr:cNvPr id="21" name="Group 20">
          <a:extLst>
            <a:ext uri="{FF2B5EF4-FFF2-40B4-BE49-F238E27FC236}">
              <a16:creationId xmlns:a16="http://schemas.microsoft.com/office/drawing/2014/main" id="{00000000-0008-0000-0000-000015000000}"/>
            </a:ext>
          </a:extLst>
        </xdr:cNvPr>
        <xdr:cNvGrpSpPr/>
      </xdr:nvGrpSpPr>
      <xdr:grpSpPr>
        <a:xfrm>
          <a:off x="11408796" y="16253295"/>
          <a:ext cx="1108333" cy="189992"/>
          <a:chOff x="5523280" y="3351275"/>
          <a:chExt cx="1050189" cy="155449"/>
        </a:xfrm>
      </xdr:grpSpPr>
      <xdr:sp macro="" textlink="">
        <xdr:nvSpPr>
          <xdr:cNvPr id="22" name="Oval 21">
            <a:extLst>
              <a:ext uri="{FF2B5EF4-FFF2-40B4-BE49-F238E27FC236}">
                <a16:creationId xmlns:a16="http://schemas.microsoft.com/office/drawing/2014/main" id="{00000000-0008-0000-0000-000016000000}"/>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23" name="Oval 22">
            <a:extLst>
              <a:ext uri="{FF2B5EF4-FFF2-40B4-BE49-F238E27FC236}">
                <a16:creationId xmlns:a16="http://schemas.microsoft.com/office/drawing/2014/main" id="{00000000-0008-0000-0000-000017000000}"/>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24" name="Oval 23">
            <a:extLst>
              <a:ext uri="{FF2B5EF4-FFF2-40B4-BE49-F238E27FC236}">
                <a16:creationId xmlns:a16="http://schemas.microsoft.com/office/drawing/2014/main" id="{00000000-0008-0000-0000-000018000000}"/>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25" name="Oval 24">
            <a:extLst>
              <a:ext uri="{FF2B5EF4-FFF2-40B4-BE49-F238E27FC236}">
                <a16:creationId xmlns:a16="http://schemas.microsoft.com/office/drawing/2014/main" id="{00000000-0008-0000-0000-000019000000}"/>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26" name="Oval 25">
            <a:extLst>
              <a:ext uri="{FF2B5EF4-FFF2-40B4-BE49-F238E27FC236}">
                <a16:creationId xmlns:a16="http://schemas.microsoft.com/office/drawing/2014/main" id="{00000000-0008-0000-0000-00001A000000}"/>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83</xdr:row>
      <xdr:rowOff>24493</xdr:rowOff>
    </xdr:from>
    <xdr:to>
      <xdr:col>7</xdr:col>
      <xdr:colOff>31285</xdr:colOff>
      <xdr:row>83</xdr:row>
      <xdr:rowOff>183117</xdr:rowOff>
    </xdr:to>
    <xdr:grpSp>
      <xdr:nvGrpSpPr>
        <xdr:cNvPr id="51" name="Group 50">
          <a:extLst>
            <a:ext uri="{FF2B5EF4-FFF2-40B4-BE49-F238E27FC236}">
              <a16:creationId xmlns:a16="http://schemas.microsoft.com/office/drawing/2014/main" id="{377856DF-EECD-4BF0-912F-F22B149C58CC}"/>
            </a:ext>
          </a:extLst>
        </xdr:cNvPr>
        <xdr:cNvGrpSpPr/>
      </xdr:nvGrpSpPr>
      <xdr:grpSpPr>
        <a:xfrm>
          <a:off x="10227099" y="23565397"/>
          <a:ext cx="1104126" cy="158624"/>
          <a:chOff x="5523280" y="3351275"/>
          <a:chExt cx="1050189" cy="155449"/>
        </a:xfrm>
      </xdr:grpSpPr>
      <xdr:sp macro="" textlink="">
        <xdr:nvSpPr>
          <xdr:cNvPr id="52" name="Oval 51">
            <a:extLst>
              <a:ext uri="{FF2B5EF4-FFF2-40B4-BE49-F238E27FC236}">
                <a16:creationId xmlns:a16="http://schemas.microsoft.com/office/drawing/2014/main" id="{CC9417A9-FFFE-4F78-A087-D4B96FA639C3}"/>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65" name="Oval 64">
            <a:extLst>
              <a:ext uri="{FF2B5EF4-FFF2-40B4-BE49-F238E27FC236}">
                <a16:creationId xmlns:a16="http://schemas.microsoft.com/office/drawing/2014/main" id="{EF8C760C-CF34-4DAE-80FF-D3B46D992011}"/>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66" name="Oval 65">
            <a:extLst>
              <a:ext uri="{FF2B5EF4-FFF2-40B4-BE49-F238E27FC236}">
                <a16:creationId xmlns:a16="http://schemas.microsoft.com/office/drawing/2014/main" id="{F53C5CBB-DC16-4F57-AE1A-06C649F8AC97}"/>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67" name="Oval 66">
            <a:extLst>
              <a:ext uri="{FF2B5EF4-FFF2-40B4-BE49-F238E27FC236}">
                <a16:creationId xmlns:a16="http://schemas.microsoft.com/office/drawing/2014/main" id="{3BA3B057-1461-44E7-88A4-944E9098FAA2}"/>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68" name="Oval 67">
            <a:extLst>
              <a:ext uri="{FF2B5EF4-FFF2-40B4-BE49-F238E27FC236}">
                <a16:creationId xmlns:a16="http://schemas.microsoft.com/office/drawing/2014/main" id="{5B88BB88-4F90-43E0-97F5-8F851EF5A746}"/>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83</xdr:row>
      <xdr:rowOff>34018</xdr:rowOff>
    </xdr:from>
    <xdr:to>
      <xdr:col>8</xdr:col>
      <xdr:colOff>16045</xdr:colOff>
      <xdr:row>84</xdr:row>
      <xdr:rowOff>2142</xdr:rowOff>
    </xdr:to>
    <xdr:grpSp>
      <xdr:nvGrpSpPr>
        <xdr:cNvPr id="69" name="Group 68">
          <a:extLst>
            <a:ext uri="{FF2B5EF4-FFF2-40B4-BE49-F238E27FC236}">
              <a16:creationId xmlns:a16="http://schemas.microsoft.com/office/drawing/2014/main" id="{0808AA24-0369-47B9-A5BB-170F6EF413B9}"/>
            </a:ext>
          </a:extLst>
        </xdr:cNvPr>
        <xdr:cNvGrpSpPr/>
      </xdr:nvGrpSpPr>
      <xdr:grpSpPr>
        <a:xfrm>
          <a:off x="11408796" y="23574922"/>
          <a:ext cx="1108333" cy="174690"/>
          <a:chOff x="5523280" y="3351275"/>
          <a:chExt cx="1050189" cy="155449"/>
        </a:xfrm>
      </xdr:grpSpPr>
      <xdr:sp macro="" textlink="">
        <xdr:nvSpPr>
          <xdr:cNvPr id="70" name="Oval 69">
            <a:extLst>
              <a:ext uri="{FF2B5EF4-FFF2-40B4-BE49-F238E27FC236}">
                <a16:creationId xmlns:a16="http://schemas.microsoft.com/office/drawing/2014/main" id="{A2880C4E-4C4C-497B-9D74-0C5DE47764FF}"/>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71" name="Oval 70">
            <a:extLst>
              <a:ext uri="{FF2B5EF4-FFF2-40B4-BE49-F238E27FC236}">
                <a16:creationId xmlns:a16="http://schemas.microsoft.com/office/drawing/2014/main" id="{E4C3810E-FF02-48A5-89CE-416B1EDDBDCD}"/>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72" name="Oval 71">
            <a:extLst>
              <a:ext uri="{FF2B5EF4-FFF2-40B4-BE49-F238E27FC236}">
                <a16:creationId xmlns:a16="http://schemas.microsoft.com/office/drawing/2014/main" id="{82B262B7-E5A2-4DCF-905F-B43DA83E7C3D}"/>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73" name="Oval 72">
            <a:extLst>
              <a:ext uri="{FF2B5EF4-FFF2-40B4-BE49-F238E27FC236}">
                <a16:creationId xmlns:a16="http://schemas.microsoft.com/office/drawing/2014/main" id="{B707D633-FB3F-4D22-84B2-CB3EAA9ECF53}"/>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74" name="Oval 73">
            <a:extLst>
              <a:ext uri="{FF2B5EF4-FFF2-40B4-BE49-F238E27FC236}">
                <a16:creationId xmlns:a16="http://schemas.microsoft.com/office/drawing/2014/main" id="{9991BECB-3D8F-44A9-AB06-217261A47557}"/>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119</xdr:row>
      <xdr:rowOff>24493</xdr:rowOff>
    </xdr:from>
    <xdr:to>
      <xdr:col>7</xdr:col>
      <xdr:colOff>31285</xdr:colOff>
      <xdr:row>119</xdr:row>
      <xdr:rowOff>183117</xdr:rowOff>
    </xdr:to>
    <xdr:grpSp>
      <xdr:nvGrpSpPr>
        <xdr:cNvPr id="75" name="Group 74">
          <a:extLst>
            <a:ext uri="{FF2B5EF4-FFF2-40B4-BE49-F238E27FC236}">
              <a16:creationId xmlns:a16="http://schemas.microsoft.com/office/drawing/2014/main" id="{490138DD-E610-4DCB-808D-C48183C33D06}"/>
            </a:ext>
          </a:extLst>
        </xdr:cNvPr>
        <xdr:cNvGrpSpPr/>
      </xdr:nvGrpSpPr>
      <xdr:grpSpPr>
        <a:xfrm>
          <a:off x="10227099" y="36097083"/>
          <a:ext cx="1104126" cy="158624"/>
          <a:chOff x="5523280" y="3351275"/>
          <a:chExt cx="1050189" cy="155449"/>
        </a:xfrm>
      </xdr:grpSpPr>
      <xdr:sp macro="" textlink="">
        <xdr:nvSpPr>
          <xdr:cNvPr id="76" name="Oval 75">
            <a:extLst>
              <a:ext uri="{FF2B5EF4-FFF2-40B4-BE49-F238E27FC236}">
                <a16:creationId xmlns:a16="http://schemas.microsoft.com/office/drawing/2014/main" id="{F132F893-DA62-4C61-8B30-0E454E9C166A}"/>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77" name="Oval 76">
            <a:extLst>
              <a:ext uri="{FF2B5EF4-FFF2-40B4-BE49-F238E27FC236}">
                <a16:creationId xmlns:a16="http://schemas.microsoft.com/office/drawing/2014/main" id="{5B155498-F1D3-463E-9531-8060073B0EEA}"/>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78" name="Oval 77">
            <a:extLst>
              <a:ext uri="{FF2B5EF4-FFF2-40B4-BE49-F238E27FC236}">
                <a16:creationId xmlns:a16="http://schemas.microsoft.com/office/drawing/2014/main" id="{7602BE25-34E6-4833-9C4A-C25AF325822F}"/>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79" name="Oval 78">
            <a:extLst>
              <a:ext uri="{FF2B5EF4-FFF2-40B4-BE49-F238E27FC236}">
                <a16:creationId xmlns:a16="http://schemas.microsoft.com/office/drawing/2014/main" id="{2E3DF4FF-F6B2-4150-8AB1-B1FC71EC6432}"/>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80" name="Oval 79">
            <a:extLst>
              <a:ext uri="{FF2B5EF4-FFF2-40B4-BE49-F238E27FC236}">
                <a16:creationId xmlns:a16="http://schemas.microsoft.com/office/drawing/2014/main" id="{FC8F8725-7913-4AF1-A719-4D16208AF8F2}"/>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119</xdr:row>
      <xdr:rowOff>34018</xdr:rowOff>
    </xdr:from>
    <xdr:to>
      <xdr:col>8</xdr:col>
      <xdr:colOff>16045</xdr:colOff>
      <xdr:row>120</xdr:row>
      <xdr:rowOff>2142</xdr:rowOff>
    </xdr:to>
    <xdr:grpSp>
      <xdr:nvGrpSpPr>
        <xdr:cNvPr id="81" name="Group 80">
          <a:extLst>
            <a:ext uri="{FF2B5EF4-FFF2-40B4-BE49-F238E27FC236}">
              <a16:creationId xmlns:a16="http://schemas.microsoft.com/office/drawing/2014/main" id="{5F025C74-DEEE-4473-85E6-2A994F49C1D0}"/>
            </a:ext>
          </a:extLst>
        </xdr:cNvPr>
        <xdr:cNvGrpSpPr/>
      </xdr:nvGrpSpPr>
      <xdr:grpSpPr>
        <a:xfrm>
          <a:off x="11408796" y="36106608"/>
          <a:ext cx="1108333" cy="174691"/>
          <a:chOff x="5523280" y="3351275"/>
          <a:chExt cx="1050189" cy="155449"/>
        </a:xfrm>
      </xdr:grpSpPr>
      <xdr:sp macro="" textlink="">
        <xdr:nvSpPr>
          <xdr:cNvPr id="82" name="Oval 81">
            <a:extLst>
              <a:ext uri="{FF2B5EF4-FFF2-40B4-BE49-F238E27FC236}">
                <a16:creationId xmlns:a16="http://schemas.microsoft.com/office/drawing/2014/main" id="{CC0B6F09-C482-4577-A816-CCCF29FEBFEA}"/>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83" name="Oval 82">
            <a:extLst>
              <a:ext uri="{FF2B5EF4-FFF2-40B4-BE49-F238E27FC236}">
                <a16:creationId xmlns:a16="http://schemas.microsoft.com/office/drawing/2014/main" id="{1F2B7571-9F86-430C-94DB-0FECF99BE97C}"/>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84" name="Oval 83">
            <a:extLst>
              <a:ext uri="{FF2B5EF4-FFF2-40B4-BE49-F238E27FC236}">
                <a16:creationId xmlns:a16="http://schemas.microsoft.com/office/drawing/2014/main" id="{DCE508FE-7394-4F48-A659-0C7390FC1AF3}"/>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85" name="Oval 84">
            <a:extLst>
              <a:ext uri="{FF2B5EF4-FFF2-40B4-BE49-F238E27FC236}">
                <a16:creationId xmlns:a16="http://schemas.microsoft.com/office/drawing/2014/main" id="{ED140C98-58F7-4C1E-8B07-1B309DA17C14}"/>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86" name="Oval 85">
            <a:extLst>
              <a:ext uri="{FF2B5EF4-FFF2-40B4-BE49-F238E27FC236}">
                <a16:creationId xmlns:a16="http://schemas.microsoft.com/office/drawing/2014/main" id="{CCFFD496-977C-4B57-A411-1D0B126813E7}"/>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185</xdr:row>
      <xdr:rowOff>24493</xdr:rowOff>
    </xdr:from>
    <xdr:to>
      <xdr:col>7</xdr:col>
      <xdr:colOff>31285</xdr:colOff>
      <xdr:row>185</xdr:row>
      <xdr:rowOff>183117</xdr:rowOff>
    </xdr:to>
    <xdr:grpSp>
      <xdr:nvGrpSpPr>
        <xdr:cNvPr id="135" name="Group 134">
          <a:extLst>
            <a:ext uri="{FF2B5EF4-FFF2-40B4-BE49-F238E27FC236}">
              <a16:creationId xmlns:a16="http://schemas.microsoft.com/office/drawing/2014/main" id="{D9EF2CFE-E10C-40AC-8830-A907AFD81261}"/>
            </a:ext>
          </a:extLst>
        </xdr:cNvPr>
        <xdr:cNvGrpSpPr/>
      </xdr:nvGrpSpPr>
      <xdr:grpSpPr>
        <a:xfrm>
          <a:off x="10227099" y="59615035"/>
          <a:ext cx="1104126" cy="158624"/>
          <a:chOff x="5523280" y="3351275"/>
          <a:chExt cx="1050189" cy="155449"/>
        </a:xfrm>
      </xdr:grpSpPr>
      <xdr:sp macro="" textlink="">
        <xdr:nvSpPr>
          <xdr:cNvPr id="136" name="Oval 135">
            <a:extLst>
              <a:ext uri="{FF2B5EF4-FFF2-40B4-BE49-F238E27FC236}">
                <a16:creationId xmlns:a16="http://schemas.microsoft.com/office/drawing/2014/main" id="{F293AF0D-4799-407F-A6F1-27210824807A}"/>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37" name="Oval 136">
            <a:extLst>
              <a:ext uri="{FF2B5EF4-FFF2-40B4-BE49-F238E27FC236}">
                <a16:creationId xmlns:a16="http://schemas.microsoft.com/office/drawing/2014/main" id="{B36B4897-0F80-42EC-B0BF-872868C73177}"/>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38" name="Oval 137">
            <a:extLst>
              <a:ext uri="{FF2B5EF4-FFF2-40B4-BE49-F238E27FC236}">
                <a16:creationId xmlns:a16="http://schemas.microsoft.com/office/drawing/2014/main" id="{2087673B-231E-49C4-8423-8C479C9FBF8F}"/>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39" name="Oval 138">
            <a:extLst>
              <a:ext uri="{FF2B5EF4-FFF2-40B4-BE49-F238E27FC236}">
                <a16:creationId xmlns:a16="http://schemas.microsoft.com/office/drawing/2014/main" id="{75861A28-0DD3-46F7-86AA-89A490069E1D}"/>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140" name="Oval 139">
            <a:extLst>
              <a:ext uri="{FF2B5EF4-FFF2-40B4-BE49-F238E27FC236}">
                <a16:creationId xmlns:a16="http://schemas.microsoft.com/office/drawing/2014/main" id="{E4314472-FC6C-4629-AA24-E08A31F6517D}"/>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185</xdr:row>
      <xdr:rowOff>34018</xdr:rowOff>
    </xdr:from>
    <xdr:to>
      <xdr:col>8</xdr:col>
      <xdr:colOff>16045</xdr:colOff>
      <xdr:row>186</xdr:row>
      <xdr:rowOff>2142</xdr:rowOff>
    </xdr:to>
    <xdr:grpSp>
      <xdr:nvGrpSpPr>
        <xdr:cNvPr id="141" name="Group 140">
          <a:extLst>
            <a:ext uri="{FF2B5EF4-FFF2-40B4-BE49-F238E27FC236}">
              <a16:creationId xmlns:a16="http://schemas.microsoft.com/office/drawing/2014/main" id="{5ED4413D-5F9F-42FD-A12C-4AABCBA75E1C}"/>
            </a:ext>
          </a:extLst>
        </xdr:cNvPr>
        <xdr:cNvGrpSpPr/>
      </xdr:nvGrpSpPr>
      <xdr:grpSpPr>
        <a:xfrm>
          <a:off x="11408796" y="59624560"/>
          <a:ext cx="1108333" cy="174690"/>
          <a:chOff x="5523280" y="3351275"/>
          <a:chExt cx="1050189" cy="155449"/>
        </a:xfrm>
      </xdr:grpSpPr>
      <xdr:sp macro="" textlink="">
        <xdr:nvSpPr>
          <xdr:cNvPr id="142" name="Oval 141">
            <a:extLst>
              <a:ext uri="{FF2B5EF4-FFF2-40B4-BE49-F238E27FC236}">
                <a16:creationId xmlns:a16="http://schemas.microsoft.com/office/drawing/2014/main" id="{67CC43B8-F427-4758-AED7-C2698444291B}"/>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43" name="Oval 142">
            <a:extLst>
              <a:ext uri="{FF2B5EF4-FFF2-40B4-BE49-F238E27FC236}">
                <a16:creationId xmlns:a16="http://schemas.microsoft.com/office/drawing/2014/main" id="{D7346399-1B65-472B-BA9E-75128FE8437D}"/>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44" name="Oval 143">
            <a:extLst>
              <a:ext uri="{FF2B5EF4-FFF2-40B4-BE49-F238E27FC236}">
                <a16:creationId xmlns:a16="http://schemas.microsoft.com/office/drawing/2014/main" id="{C888B9C3-B11E-4AA7-95AC-73A48EC5B234}"/>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45" name="Oval 144">
            <a:extLst>
              <a:ext uri="{FF2B5EF4-FFF2-40B4-BE49-F238E27FC236}">
                <a16:creationId xmlns:a16="http://schemas.microsoft.com/office/drawing/2014/main" id="{D100315E-6308-496F-917F-AE2CB2193BE7}"/>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146" name="Oval 145">
            <a:extLst>
              <a:ext uri="{FF2B5EF4-FFF2-40B4-BE49-F238E27FC236}">
                <a16:creationId xmlns:a16="http://schemas.microsoft.com/office/drawing/2014/main" id="{EDDB8A64-FC6A-49C8-8FD1-8C83EC1B561F}"/>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203</xdr:row>
      <xdr:rowOff>24493</xdr:rowOff>
    </xdr:from>
    <xdr:to>
      <xdr:col>7</xdr:col>
      <xdr:colOff>31285</xdr:colOff>
      <xdr:row>203</xdr:row>
      <xdr:rowOff>183117</xdr:rowOff>
    </xdr:to>
    <xdr:grpSp>
      <xdr:nvGrpSpPr>
        <xdr:cNvPr id="171" name="Group 170">
          <a:extLst>
            <a:ext uri="{FF2B5EF4-FFF2-40B4-BE49-F238E27FC236}">
              <a16:creationId xmlns:a16="http://schemas.microsoft.com/office/drawing/2014/main" id="{79A0E25D-56A4-4F2D-BA86-045192A02CC3}"/>
            </a:ext>
          </a:extLst>
        </xdr:cNvPr>
        <xdr:cNvGrpSpPr/>
      </xdr:nvGrpSpPr>
      <xdr:grpSpPr>
        <a:xfrm>
          <a:off x="10227099" y="65720216"/>
          <a:ext cx="1104126" cy="158624"/>
          <a:chOff x="5523280" y="3351275"/>
          <a:chExt cx="1050189" cy="155449"/>
        </a:xfrm>
      </xdr:grpSpPr>
      <xdr:sp macro="" textlink="">
        <xdr:nvSpPr>
          <xdr:cNvPr id="172" name="Oval 171">
            <a:extLst>
              <a:ext uri="{FF2B5EF4-FFF2-40B4-BE49-F238E27FC236}">
                <a16:creationId xmlns:a16="http://schemas.microsoft.com/office/drawing/2014/main" id="{9888EE4D-07C4-4208-A60E-7133DCB1252A}"/>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73" name="Oval 172">
            <a:extLst>
              <a:ext uri="{FF2B5EF4-FFF2-40B4-BE49-F238E27FC236}">
                <a16:creationId xmlns:a16="http://schemas.microsoft.com/office/drawing/2014/main" id="{20D47D8E-FBD4-4D69-AF2E-B00A3ABC4722}"/>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74" name="Oval 173">
            <a:extLst>
              <a:ext uri="{FF2B5EF4-FFF2-40B4-BE49-F238E27FC236}">
                <a16:creationId xmlns:a16="http://schemas.microsoft.com/office/drawing/2014/main" id="{2B112B92-F0E3-4162-99F2-F903DBAFA530}"/>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75" name="Oval 174">
            <a:extLst>
              <a:ext uri="{FF2B5EF4-FFF2-40B4-BE49-F238E27FC236}">
                <a16:creationId xmlns:a16="http://schemas.microsoft.com/office/drawing/2014/main" id="{C589AF96-0AF1-48EB-8BD7-765B2A8BED37}"/>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176" name="Oval 175">
            <a:extLst>
              <a:ext uri="{FF2B5EF4-FFF2-40B4-BE49-F238E27FC236}">
                <a16:creationId xmlns:a16="http://schemas.microsoft.com/office/drawing/2014/main" id="{88FF618C-7A0D-4C98-8DA6-3BF153073930}"/>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203</xdr:row>
      <xdr:rowOff>34018</xdr:rowOff>
    </xdr:from>
    <xdr:to>
      <xdr:col>8</xdr:col>
      <xdr:colOff>16045</xdr:colOff>
      <xdr:row>204</xdr:row>
      <xdr:rowOff>2142</xdr:rowOff>
    </xdr:to>
    <xdr:grpSp>
      <xdr:nvGrpSpPr>
        <xdr:cNvPr id="177" name="Group 176">
          <a:extLst>
            <a:ext uri="{FF2B5EF4-FFF2-40B4-BE49-F238E27FC236}">
              <a16:creationId xmlns:a16="http://schemas.microsoft.com/office/drawing/2014/main" id="{2919CA1F-5D49-4177-9AC0-73FF19F9BBB7}"/>
            </a:ext>
          </a:extLst>
        </xdr:cNvPr>
        <xdr:cNvGrpSpPr/>
      </xdr:nvGrpSpPr>
      <xdr:grpSpPr>
        <a:xfrm>
          <a:off x="11408796" y="65729741"/>
          <a:ext cx="1108333" cy="174690"/>
          <a:chOff x="5523280" y="3351275"/>
          <a:chExt cx="1050189" cy="155449"/>
        </a:xfrm>
      </xdr:grpSpPr>
      <xdr:sp macro="" textlink="">
        <xdr:nvSpPr>
          <xdr:cNvPr id="178" name="Oval 177">
            <a:extLst>
              <a:ext uri="{FF2B5EF4-FFF2-40B4-BE49-F238E27FC236}">
                <a16:creationId xmlns:a16="http://schemas.microsoft.com/office/drawing/2014/main" id="{D3DEE75E-A3EB-4E6B-9E47-9F680107830D}"/>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79" name="Oval 178">
            <a:extLst>
              <a:ext uri="{FF2B5EF4-FFF2-40B4-BE49-F238E27FC236}">
                <a16:creationId xmlns:a16="http://schemas.microsoft.com/office/drawing/2014/main" id="{75DFA5E0-D8D5-4EF2-946A-864687F1DB20}"/>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80" name="Oval 179">
            <a:extLst>
              <a:ext uri="{FF2B5EF4-FFF2-40B4-BE49-F238E27FC236}">
                <a16:creationId xmlns:a16="http://schemas.microsoft.com/office/drawing/2014/main" id="{BDCA3D00-5C3C-4CD9-94DA-41D71D770B25}"/>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81" name="Oval 180">
            <a:extLst>
              <a:ext uri="{FF2B5EF4-FFF2-40B4-BE49-F238E27FC236}">
                <a16:creationId xmlns:a16="http://schemas.microsoft.com/office/drawing/2014/main" id="{D424DEF6-328B-4D64-9508-6EF3FFD2FB94}"/>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182" name="Oval 181">
            <a:extLst>
              <a:ext uri="{FF2B5EF4-FFF2-40B4-BE49-F238E27FC236}">
                <a16:creationId xmlns:a16="http://schemas.microsoft.com/office/drawing/2014/main" id="{C2A10A98-71E9-4CB7-B143-C6696807A67E}"/>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134</xdr:row>
      <xdr:rowOff>24493</xdr:rowOff>
    </xdr:from>
    <xdr:to>
      <xdr:col>7</xdr:col>
      <xdr:colOff>31285</xdr:colOff>
      <xdr:row>134</xdr:row>
      <xdr:rowOff>183117</xdr:rowOff>
    </xdr:to>
    <xdr:grpSp>
      <xdr:nvGrpSpPr>
        <xdr:cNvPr id="123" name="Group 122">
          <a:extLst>
            <a:ext uri="{FF2B5EF4-FFF2-40B4-BE49-F238E27FC236}">
              <a16:creationId xmlns:a16="http://schemas.microsoft.com/office/drawing/2014/main" id="{2011605B-93DC-4B4B-BD27-73806EB2F2EA}"/>
            </a:ext>
          </a:extLst>
        </xdr:cNvPr>
        <xdr:cNvGrpSpPr/>
      </xdr:nvGrpSpPr>
      <xdr:grpSpPr>
        <a:xfrm>
          <a:off x="10227099" y="40939915"/>
          <a:ext cx="1104126" cy="158624"/>
          <a:chOff x="5523280" y="3351275"/>
          <a:chExt cx="1050189" cy="155449"/>
        </a:xfrm>
      </xdr:grpSpPr>
      <xdr:sp macro="" textlink="">
        <xdr:nvSpPr>
          <xdr:cNvPr id="124" name="Oval 123">
            <a:extLst>
              <a:ext uri="{FF2B5EF4-FFF2-40B4-BE49-F238E27FC236}">
                <a16:creationId xmlns:a16="http://schemas.microsoft.com/office/drawing/2014/main" id="{8D741433-6B4D-4DA0-98F2-56CE48FF9B19}"/>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25" name="Oval 124">
            <a:extLst>
              <a:ext uri="{FF2B5EF4-FFF2-40B4-BE49-F238E27FC236}">
                <a16:creationId xmlns:a16="http://schemas.microsoft.com/office/drawing/2014/main" id="{6B5B87C2-9001-4B0C-88B8-885612B27F2E}"/>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26" name="Oval 125">
            <a:extLst>
              <a:ext uri="{FF2B5EF4-FFF2-40B4-BE49-F238E27FC236}">
                <a16:creationId xmlns:a16="http://schemas.microsoft.com/office/drawing/2014/main" id="{DD68E27F-4D6E-4915-B261-1EDC71899BDE}"/>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27" name="Oval 126">
            <a:extLst>
              <a:ext uri="{FF2B5EF4-FFF2-40B4-BE49-F238E27FC236}">
                <a16:creationId xmlns:a16="http://schemas.microsoft.com/office/drawing/2014/main" id="{0ECA3AAB-A7C7-473F-B70D-DC9859F6FA5C}"/>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128" name="Oval 127">
            <a:extLst>
              <a:ext uri="{FF2B5EF4-FFF2-40B4-BE49-F238E27FC236}">
                <a16:creationId xmlns:a16="http://schemas.microsoft.com/office/drawing/2014/main" id="{875CF4C9-2BFB-4687-A955-410329A3CCD5}"/>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134</xdr:row>
      <xdr:rowOff>34018</xdr:rowOff>
    </xdr:from>
    <xdr:to>
      <xdr:col>8</xdr:col>
      <xdr:colOff>16045</xdr:colOff>
      <xdr:row>135</xdr:row>
      <xdr:rowOff>2142</xdr:rowOff>
    </xdr:to>
    <xdr:grpSp>
      <xdr:nvGrpSpPr>
        <xdr:cNvPr id="129" name="Group 128">
          <a:extLst>
            <a:ext uri="{FF2B5EF4-FFF2-40B4-BE49-F238E27FC236}">
              <a16:creationId xmlns:a16="http://schemas.microsoft.com/office/drawing/2014/main" id="{943AEC37-2DD4-4D36-B1C8-75A363322F6C}"/>
            </a:ext>
          </a:extLst>
        </xdr:cNvPr>
        <xdr:cNvGrpSpPr/>
      </xdr:nvGrpSpPr>
      <xdr:grpSpPr>
        <a:xfrm>
          <a:off x="11408796" y="40949440"/>
          <a:ext cx="1108333" cy="174690"/>
          <a:chOff x="5523280" y="3351275"/>
          <a:chExt cx="1050189" cy="155449"/>
        </a:xfrm>
      </xdr:grpSpPr>
      <xdr:sp macro="" textlink="">
        <xdr:nvSpPr>
          <xdr:cNvPr id="130" name="Oval 129">
            <a:extLst>
              <a:ext uri="{FF2B5EF4-FFF2-40B4-BE49-F238E27FC236}">
                <a16:creationId xmlns:a16="http://schemas.microsoft.com/office/drawing/2014/main" id="{74A9A793-7F77-492C-BEE9-75CA21AFB4DB}"/>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31" name="Oval 130">
            <a:extLst>
              <a:ext uri="{FF2B5EF4-FFF2-40B4-BE49-F238E27FC236}">
                <a16:creationId xmlns:a16="http://schemas.microsoft.com/office/drawing/2014/main" id="{789A2EC2-4299-4D7A-A706-53A1726B458B}"/>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32" name="Oval 131">
            <a:extLst>
              <a:ext uri="{FF2B5EF4-FFF2-40B4-BE49-F238E27FC236}">
                <a16:creationId xmlns:a16="http://schemas.microsoft.com/office/drawing/2014/main" id="{4844B5F3-7EF6-4D2E-8F21-173F862FB7D5}"/>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33" name="Oval 132">
            <a:extLst>
              <a:ext uri="{FF2B5EF4-FFF2-40B4-BE49-F238E27FC236}">
                <a16:creationId xmlns:a16="http://schemas.microsoft.com/office/drawing/2014/main" id="{F1704BEF-9BDD-4B8C-BF5E-920981B9FA77}"/>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134" name="Oval 133">
            <a:extLst>
              <a:ext uri="{FF2B5EF4-FFF2-40B4-BE49-F238E27FC236}">
                <a16:creationId xmlns:a16="http://schemas.microsoft.com/office/drawing/2014/main" id="{4EF625C3-E7D0-40C0-8112-42F1C9B8F4FA}"/>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149</xdr:row>
      <xdr:rowOff>24493</xdr:rowOff>
    </xdr:from>
    <xdr:to>
      <xdr:col>7</xdr:col>
      <xdr:colOff>31285</xdr:colOff>
      <xdr:row>149</xdr:row>
      <xdr:rowOff>183117</xdr:rowOff>
    </xdr:to>
    <xdr:grpSp>
      <xdr:nvGrpSpPr>
        <xdr:cNvPr id="225" name="Group 224">
          <a:extLst>
            <a:ext uri="{FF2B5EF4-FFF2-40B4-BE49-F238E27FC236}">
              <a16:creationId xmlns:a16="http://schemas.microsoft.com/office/drawing/2014/main" id="{77DED577-01E5-444B-B5F1-22DDFC9A3F68}"/>
            </a:ext>
          </a:extLst>
        </xdr:cNvPr>
        <xdr:cNvGrpSpPr/>
      </xdr:nvGrpSpPr>
      <xdr:grpSpPr>
        <a:xfrm>
          <a:off x="10227099" y="47358770"/>
          <a:ext cx="1104126" cy="158624"/>
          <a:chOff x="5523280" y="3351275"/>
          <a:chExt cx="1050189" cy="155449"/>
        </a:xfrm>
      </xdr:grpSpPr>
      <xdr:sp macro="" textlink="">
        <xdr:nvSpPr>
          <xdr:cNvPr id="226" name="Oval 225">
            <a:extLst>
              <a:ext uri="{FF2B5EF4-FFF2-40B4-BE49-F238E27FC236}">
                <a16:creationId xmlns:a16="http://schemas.microsoft.com/office/drawing/2014/main" id="{FCAC4667-DF83-40DD-9A03-BF11E2C3D40E}"/>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227" name="Oval 226">
            <a:extLst>
              <a:ext uri="{FF2B5EF4-FFF2-40B4-BE49-F238E27FC236}">
                <a16:creationId xmlns:a16="http://schemas.microsoft.com/office/drawing/2014/main" id="{94733159-7D49-40AF-B0FD-69D917F7234C}"/>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228" name="Oval 227">
            <a:extLst>
              <a:ext uri="{FF2B5EF4-FFF2-40B4-BE49-F238E27FC236}">
                <a16:creationId xmlns:a16="http://schemas.microsoft.com/office/drawing/2014/main" id="{E7019041-ADED-4D46-98B0-C5A54E0280ED}"/>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229" name="Oval 228">
            <a:extLst>
              <a:ext uri="{FF2B5EF4-FFF2-40B4-BE49-F238E27FC236}">
                <a16:creationId xmlns:a16="http://schemas.microsoft.com/office/drawing/2014/main" id="{6D068712-7ACC-44FC-98EF-2555BE1EF736}"/>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230" name="Oval 229">
            <a:extLst>
              <a:ext uri="{FF2B5EF4-FFF2-40B4-BE49-F238E27FC236}">
                <a16:creationId xmlns:a16="http://schemas.microsoft.com/office/drawing/2014/main" id="{F9CA09F7-7BF0-42B0-A588-DFDB0E21BA1A}"/>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149</xdr:row>
      <xdr:rowOff>34018</xdr:rowOff>
    </xdr:from>
    <xdr:to>
      <xdr:col>8</xdr:col>
      <xdr:colOff>16045</xdr:colOff>
      <xdr:row>150</xdr:row>
      <xdr:rowOff>2142</xdr:rowOff>
    </xdr:to>
    <xdr:grpSp>
      <xdr:nvGrpSpPr>
        <xdr:cNvPr id="231" name="Group 230">
          <a:extLst>
            <a:ext uri="{FF2B5EF4-FFF2-40B4-BE49-F238E27FC236}">
              <a16:creationId xmlns:a16="http://schemas.microsoft.com/office/drawing/2014/main" id="{62DFCD13-54E2-4561-AED4-65A87F7F13BE}"/>
            </a:ext>
          </a:extLst>
        </xdr:cNvPr>
        <xdr:cNvGrpSpPr/>
      </xdr:nvGrpSpPr>
      <xdr:grpSpPr>
        <a:xfrm>
          <a:off x="11408796" y="47368295"/>
          <a:ext cx="1108333" cy="174690"/>
          <a:chOff x="5523280" y="3351275"/>
          <a:chExt cx="1050189" cy="155449"/>
        </a:xfrm>
      </xdr:grpSpPr>
      <xdr:sp macro="" textlink="">
        <xdr:nvSpPr>
          <xdr:cNvPr id="232" name="Oval 231">
            <a:extLst>
              <a:ext uri="{FF2B5EF4-FFF2-40B4-BE49-F238E27FC236}">
                <a16:creationId xmlns:a16="http://schemas.microsoft.com/office/drawing/2014/main" id="{888102E6-9D90-48F2-8840-267B44433A0C}"/>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233" name="Oval 232">
            <a:extLst>
              <a:ext uri="{FF2B5EF4-FFF2-40B4-BE49-F238E27FC236}">
                <a16:creationId xmlns:a16="http://schemas.microsoft.com/office/drawing/2014/main" id="{A6BF1D32-7280-467C-B168-FF4664805134}"/>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234" name="Oval 233">
            <a:extLst>
              <a:ext uri="{FF2B5EF4-FFF2-40B4-BE49-F238E27FC236}">
                <a16:creationId xmlns:a16="http://schemas.microsoft.com/office/drawing/2014/main" id="{230803A7-CAE9-4DAC-9B8D-A6ED08A4EC28}"/>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235" name="Oval 234">
            <a:extLst>
              <a:ext uri="{FF2B5EF4-FFF2-40B4-BE49-F238E27FC236}">
                <a16:creationId xmlns:a16="http://schemas.microsoft.com/office/drawing/2014/main" id="{2381344D-E58C-48C8-80C2-EE72EAFF9D96}"/>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236" name="Oval 235">
            <a:extLst>
              <a:ext uri="{FF2B5EF4-FFF2-40B4-BE49-F238E27FC236}">
                <a16:creationId xmlns:a16="http://schemas.microsoft.com/office/drawing/2014/main" id="{71C68EFA-19CC-4022-A1F1-98396979F68E}"/>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101</xdr:row>
      <xdr:rowOff>24493</xdr:rowOff>
    </xdr:from>
    <xdr:to>
      <xdr:col>7</xdr:col>
      <xdr:colOff>31285</xdr:colOff>
      <xdr:row>101</xdr:row>
      <xdr:rowOff>183117</xdr:rowOff>
    </xdr:to>
    <xdr:grpSp>
      <xdr:nvGrpSpPr>
        <xdr:cNvPr id="183" name="Group 182">
          <a:extLst>
            <a:ext uri="{FF2B5EF4-FFF2-40B4-BE49-F238E27FC236}">
              <a16:creationId xmlns:a16="http://schemas.microsoft.com/office/drawing/2014/main" id="{B8D69822-C572-4310-B490-EB577AB46A21}"/>
            </a:ext>
          </a:extLst>
        </xdr:cNvPr>
        <xdr:cNvGrpSpPr/>
      </xdr:nvGrpSpPr>
      <xdr:grpSpPr>
        <a:xfrm>
          <a:off x="10227099" y="29196240"/>
          <a:ext cx="1104126" cy="158624"/>
          <a:chOff x="5523280" y="3351275"/>
          <a:chExt cx="1050189" cy="155449"/>
        </a:xfrm>
      </xdr:grpSpPr>
      <xdr:sp macro="" textlink="">
        <xdr:nvSpPr>
          <xdr:cNvPr id="184" name="Oval 183">
            <a:extLst>
              <a:ext uri="{FF2B5EF4-FFF2-40B4-BE49-F238E27FC236}">
                <a16:creationId xmlns:a16="http://schemas.microsoft.com/office/drawing/2014/main" id="{5C0CD39F-8B1B-488E-99B4-4B6C873D51C7}"/>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85" name="Oval 184">
            <a:extLst>
              <a:ext uri="{FF2B5EF4-FFF2-40B4-BE49-F238E27FC236}">
                <a16:creationId xmlns:a16="http://schemas.microsoft.com/office/drawing/2014/main" id="{FA3DB6B7-F3BB-4B53-9320-1877935D54BC}"/>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86" name="Oval 185">
            <a:extLst>
              <a:ext uri="{FF2B5EF4-FFF2-40B4-BE49-F238E27FC236}">
                <a16:creationId xmlns:a16="http://schemas.microsoft.com/office/drawing/2014/main" id="{ED6BE393-809A-4467-B64E-444D247AB651}"/>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87" name="Oval 186">
            <a:extLst>
              <a:ext uri="{FF2B5EF4-FFF2-40B4-BE49-F238E27FC236}">
                <a16:creationId xmlns:a16="http://schemas.microsoft.com/office/drawing/2014/main" id="{0C519E9D-FE8C-4434-8B57-5DF7796C3E69}"/>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188" name="Oval 187">
            <a:extLst>
              <a:ext uri="{FF2B5EF4-FFF2-40B4-BE49-F238E27FC236}">
                <a16:creationId xmlns:a16="http://schemas.microsoft.com/office/drawing/2014/main" id="{8B4920D3-3ACA-429D-BFE8-07AFDDAFE560}"/>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101</xdr:row>
      <xdr:rowOff>34018</xdr:rowOff>
    </xdr:from>
    <xdr:to>
      <xdr:col>8</xdr:col>
      <xdr:colOff>16045</xdr:colOff>
      <xdr:row>102</xdr:row>
      <xdr:rowOff>2142</xdr:rowOff>
    </xdr:to>
    <xdr:grpSp>
      <xdr:nvGrpSpPr>
        <xdr:cNvPr id="189" name="Group 188">
          <a:extLst>
            <a:ext uri="{FF2B5EF4-FFF2-40B4-BE49-F238E27FC236}">
              <a16:creationId xmlns:a16="http://schemas.microsoft.com/office/drawing/2014/main" id="{BAB31FAB-BAF2-4360-BCAD-8A244B9AF658}"/>
            </a:ext>
          </a:extLst>
        </xdr:cNvPr>
        <xdr:cNvGrpSpPr/>
      </xdr:nvGrpSpPr>
      <xdr:grpSpPr>
        <a:xfrm>
          <a:off x="11408796" y="29205765"/>
          <a:ext cx="1108333" cy="174690"/>
          <a:chOff x="5523280" y="3351275"/>
          <a:chExt cx="1050189" cy="155449"/>
        </a:xfrm>
      </xdr:grpSpPr>
      <xdr:sp macro="" textlink="">
        <xdr:nvSpPr>
          <xdr:cNvPr id="190" name="Oval 189">
            <a:extLst>
              <a:ext uri="{FF2B5EF4-FFF2-40B4-BE49-F238E27FC236}">
                <a16:creationId xmlns:a16="http://schemas.microsoft.com/office/drawing/2014/main" id="{B3F2A7AF-8796-4DF8-B268-5D7C897A859A}"/>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91" name="Oval 190">
            <a:extLst>
              <a:ext uri="{FF2B5EF4-FFF2-40B4-BE49-F238E27FC236}">
                <a16:creationId xmlns:a16="http://schemas.microsoft.com/office/drawing/2014/main" id="{C537AD21-7887-4CBD-BF92-EF46FE407BBF}"/>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92" name="Oval 191">
            <a:extLst>
              <a:ext uri="{FF2B5EF4-FFF2-40B4-BE49-F238E27FC236}">
                <a16:creationId xmlns:a16="http://schemas.microsoft.com/office/drawing/2014/main" id="{47DF47B6-D39A-4918-BCD6-7C5803562402}"/>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93" name="Oval 192">
            <a:extLst>
              <a:ext uri="{FF2B5EF4-FFF2-40B4-BE49-F238E27FC236}">
                <a16:creationId xmlns:a16="http://schemas.microsoft.com/office/drawing/2014/main" id="{37B4AB00-07D9-4309-BE05-8F5BD2A6BEC2}"/>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194" name="Oval 193">
            <a:extLst>
              <a:ext uri="{FF2B5EF4-FFF2-40B4-BE49-F238E27FC236}">
                <a16:creationId xmlns:a16="http://schemas.microsoft.com/office/drawing/2014/main" id="{E57C03B6-F129-4F47-9A00-FA8F51381F6B}"/>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161</xdr:row>
      <xdr:rowOff>24493</xdr:rowOff>
    </xdr:from>
    <xdr:to>
      <xdr:col>7</xdr:col>
      <xdr:colOff>31285</xdr:colOff>
      <xdr:row>162</xdr:row>
      <xdr:rowOff>1689</xdr:rowOff>
    </xdr:to>
    <xdr:grpSp>
      <xdr:nvGrpSpPr>
        <xdr:cNvPr id="195" name="Group 194">
          <a:extLst>
            <a:ext uri="{FF2B5EF4-FFF2-40B4-BE49-F238E27FC236}">
              <a16:creationId xmlns:a16="http://schemas.microsoft.com/office/drawing/2014/main" id="{BB9AE17F-94AD-45B9-9988-7AE283EEC138}"/>
            </a:ext>
          </a:extLst>
        </xdr:cNvPr>
        <xdr:cNvGrpSpPr/>
      </xdr:nvGrpSpPr>
      <xdr:grpSpPr>
        <a:xfrm>
          <a:off x="10227099" y="51474794"/>
          <a:ext cx="1104126" cy="183762"/>
          <a:chOff x="5523280" y="3351275"/>
          <a:chExt cx="1050189" cy="155449"/>
        </a:xfrm>
      </xdr:grpSpPr>
      <xdr:sp macro="" textlink="">
        <xdr:nvSpPr>
          <xdr:cNvPr id="196" name="Oval 195">
            <a:extLst>
              <a:ext uri="{FF2B5EF4-FFF2-40B4-BE49-F238E27FC236}">
                <a16:creationId xmlns:a16="http://schemas.microsoft.com/office/drawing/2014/main" id="{CF9D43F7-3DC6-40BE-93F0-DD697542A000}"/>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197" name="Oval 196">
            <a:extLst>
              <a:ext uri="{FF2B5EF4-FFF2-40B4-BE49-F238E27FC236}">
                <a16:creationId xmlns:a16="http://schemas.microsoft.com/office/drawing/2014/main" id="{0FB7163A-663A-4835-9D10-7AC3EAA008D2}"/>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198" name="Oval 197">
            <a:extLst>
              <a:ext uri="{FF2B5EF4-FFF2-40B4-BE49-F238E27FC236}">
                <a16:creationId xmlns:a16="http://schemas.microsoft.com/office/drawing/2014/main" id="{601BE290-2154-4224-B5AF-946F4859A99A}"/>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199" name="Oval 198">
            <a:extLst>
              <a:ext uri="{FF2B5EF4-FFF2-40B4-BE49-F238E27FC236}">
                <a16:creationId xmlns:a16="http://schemas.microsoft.com/office/drawing/2014/main" id="{DB25483F-CC98-4B9E-9250-8EF39E92601B}"/>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200" name="Oval 199">
            <a:extLst>
              <a:ext uri="{FF2B5EF4-FFF2-40B4-BE49-F238E27FC236}">
                <a16:creationId xmlns:a16="http://schemas.microsoft.com/office/drawing/2014/main" id="{B9F3984E-35B4-46C8-80AE-F1F50622ADE6}"/>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161</xdr:row>
      <xdr:rowOff>34018</xdr:rowOff>
    </xdr:from>
    <xdr:to>
      <xdr:col>8</xdr:col>
      <xdr:colOff>16045</xdr:colOff>
      <xdr:row>162</xdr:row>
      <xdr:rowOff>2142</xdr:rowOff>
    </xdr:to>
    <xdr:grpSp>
      <xdr:nvGrpSpPr>
        <xdr:cNvPr id="249" name="Group 248">
          <a:extLst>
            <a:ext uri="{FF2B5EF4-FFF2-40B4-BE49-F238E27FC236}">
              <a16:creationId xmlns:a16="http://schemas.microsoft.com/office/drawing/2014/main" id="{5A817996-5397-471B-AB95-4DF62C90A3D4}"/>
            </a:ext>
          </a:extLst>
        </xdr:cNvPr>
        <xdr:cNvGrpSpPr/>
      </xdr:nvGrpSpPr>
      <xdr:grpSpPr>
        <a:xfrm>
          <a:off x="11408796" y="51484319"/>
          <a:ext cx="1108333" cy="174690"/>
          <a:chOff x="5523280" y="3351275"/>
          <a:chExt cx="1050189" cy="155449"/>
        </a:xfrm>
      </xdr:grpSpPr>
      <xdr:sp macro="" textlink="">
        <xdr:nvSpPr>
          <xdr:cNvPr id="250" name="Oval 249">
            <a:extLst>
              <a:ext uri="{FF2B5EF4-FFF2-40B4-BE49-F238E27FC236}">
                <a16:creationId xmlns:a16="http://schemas.microsoft.com/office/drawing/2014/main" id="{4E9F7A18-D2F0-4024-B34A-B1039A9D2635}"/>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251" name="Oval 250">
            <a:extLst>
              <a:ext uri="{FF2B5EF4-FFF2-40B4-BE49-F238E27FC236}">
                <a16:creationId xmlns:a16="http://schemas.microsoft.com/office/drawing/2014/main" id="{4BBC5699-417E-4E94-8EF5-1080B4CA8B99}"/>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252" name="Oval 251">
            <a:extLst>
              <a:ext uri="{FF2B5EF4-FFF2-40B4-BE49-F238E27FC236}">
                <a16:creationId xmlns:a16="http://schemas.microsoft.com/office/drawing/2014/main" id="{A9A65AA7-0040-4A73-8CCD-9A3B1341FAAE}"/>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253" name="Oval 252">
            <a:extLst>
              <a:ext uri="{FF2B5EF4-FFF2-40B4-BE49-F238E27FC236}">
                <a16:creationId xmlns:a16="http://schemas.microsoft.com/office/drawing/2014/main" id="{901A10C6-7A04-4AFB-B4FD-81CD88726D60}"/>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254" name="Oval 253">
            <a:extLst>
              <a:ext uri="{FF2B5EF4-FFF2-40B4-BE49-F238E27FC236}">
                <a16:creationId xmlns:a16="http://schemas.microsoft.com/office/drawing/2014/main" id="{A24C54A7-1A9D-4B6E-9B9D-59A8AE5D3198}"/>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173</xdr:row>
      <xdr:rowOff>24493</xdr:rowOff>
    </xdr:from>
    <xdr:to>
      <xdr:col>7</xdr:col>
      <xdr:colOff>31285</xdr:colOff>
      <xdr:row>174</xdr:row>
      <xdr:rowOff>1688</xdr:rowOff>
    </xdr:to>
    <xdr:grpSp>
      <xdr:nvGrpSpPr>
        <xdr:cNvPr id="255" name="Group 254">
          <a:extLst>
            <a:ext uri="{FF2B5EF4-FFF2-40B4-BE49-F238E27FC236}">
              <a16:creationId xmlns:a16="http://schemas.microsoft.com/office/drawing/2014/main" id="{890486A3-A39C-4AD0-A9F3-D1D7AB3953AD}"/>
            </a:ext>
          </a:extLst>
        </xdr:cNvPr>
        <xdr:cNvGrpSpPr/>
      </xdr:nvGrpSpPr>
      <xdr:grpSpPr>
        <a:xfrm>
          <a:off x="10227099" y="55674975"/>
          <a:ext cx="1104126" cy="183761"/>
          <a:chOff x="5523280" y="3351275"/>
          <a:chExt cx="1050189" cy="155449"/>
        </a:xfrm>
      </xdr:grpSpPr>
      <xdr:sp macro="" textlink="">
        <xdr:nvSpPr>
          <xdr:cNvPr id="256" name="Oval 255">
            <a:extLst>
              <a:ext uri="{FF2B5EF4-FFF2-40B4-BE49-F238E27FC236}">
                <a16:creationId xmlns:a16="http://schemas.microsoft.com/office/drawing/2014/main" id="{5DD10124-9C6F-4827-9AA9-590D31E5DCDD}"/>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257" name="Oval 256">
            <a:extLst>
              <a:ext uri="{FF2B5EF4-FFF2-40B4-BE49-F238E27FC236}">
                <a16:creationId xmlns:a16="http://schemas.microsoft.com/office/drawing/2014/main" id="{1FEE0BCE-C45B-4431-8B19-A4A3A2AF94A1}"/>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258" name="Oval 257">
            <a:extLst>
              <a:ext uri="{FF2B5EF4-FFF2-40B4-BE49-F238E27FC236}">
                <a16:creationId xmlns:a16="http://schemas.microsoft.com/office/drawing/2014/main" id="{86D418BC-7C59-481B-B5CE-A6A10AD63D5D}"/>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259" name="Oval 258">
            <a:extLst>
              <a:ext uri="{FF2B5EF4-FFF2-40B4-BE49-F238E27FC236}">
                <a16:creationId xmlns:a16="http://schemas.microsoft.com/office/drawing/2014/main" id="{1C918D17-4F3F-4DB9-8C1E-5204450091E9}"/>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260" name="Oval 259">
            <a:extLst>
              <a:ext uri="{FF2B5EF4-FFF2-40B4-BE49-F238E27FC236}">
                <a16:creationId xmlns:a16="http://schemas.microsoft.com/office/drawing/2014/main" id="{D1DB0DE7-C772-4436-8C89-EBDAF51D4988}"/>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173</xdr:row>
      <xdr:rowOff>34018</xdr:rowOff>
    </xdr:from>
    <xdr:to>
      <xdr:col>8</xdr:col>
      <xdr:colOff>16045</xdr:colOff>
      <xdr:row>174</xdr:row>
      <xdr:rowOff>2142</xdr:rowOff>
    </xdr:to>
    <xdr:grpSp>
      <xdr:nvGrpSpPr>
        <xdr:cNvPr id="261" name="Group 260">
          <a:extLst>
            <a:ext uri="{FF2B5EF4-FFF2-40B4-BE49-F238E27FC236}">
              <a16:creationId xmlns:a16="http://schemas.microsoft.com/office/drawing/2014/main" id="{9B183575-6413-4E75-A40F-015F75097465}"/>
            </a:ext>
          </a:extLst>
        </xdr:cNvPr>
        <xdr:cNvGrpSpPr/>
      </xdr:nvGrpSpPr>
      <xdr:grpSpPr>
        <a:xfrm>
          <a:off x="11408796" y="55684500"/>
          <a:ext cx="1108333" cy="174690"/>
          <a:chOff x="5523280" y="3351275"/>
          <a:chExt cx="1050189" cy="155449"/>
        </a:xfrm>
      </xdr:grpSpPr>
      <xdr:sp macro="" textlink="">
        <xdr:nvSpPr>
          <xdr:cNvPr id="262" name="Oval 261">
            <a:extLst>
              <a:ext uri="{FF2B5EF4-FFF2-40B4-BE49-F238E27FC236}">
                <a16:creationId xmlns:a16="http://schemas.microsoft.com/office/drawing/2014/main" id="{D316B034-52D3-4116-9949-EB73432A92A0}"/>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263" name="Oval 262">
            <a:extLst>
              <a:ext uri="{FF2B5EF4-FFF2-40B4-BE49-F238E27FC236}">
                <a16:creationId xmlns:a16="http://schemas.microsoft.com/office/drawing/2014/main" id="{8E73B407-744D-40DE-B775-563D4A29F17E}"/>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264" name="Oval 263">
            <a:extLst>
              <a:ext uri="{FF2B5EF4-FFF2-40B4-BE49-F238E27FC236}">
                <a16:creationId xmlns:a16="http://schemas.microsoft.com/office/drawing/2014/main" id="{BAE2817A-1B57-4624-B9F9-70B767F7BEEE}"/>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265" name="Oval 264">
            <a:extLst>
              <a:ext uri="{FF2B5EF4-FFF2-40B4-BE49-F238E27FC236}">
                <a16:creationId xmlns:a16="http://schemas.microsoft.com/office/drawing/2014/main" id="{44F07901-A5A5-436D-A4EA-D8B585EB86A8}"/>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266" name="Oval 265">
            <a:extLst>
              <a:ext uri="{FF2B5EF4-FFF2-40B4-BE49-F238E27FC236}">
                <a16:creationId xmlns:a16="http://schemas.microsoft.com/office/drawing/2014/main" id="{1D5ABC33-7F19-4B5D-BF06-52AF84EF37EF}"/>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6</xdr:col>
      <xdr:colOff>28846</xdr:colOff>
      <xdr:row>173</xdr:row>
      <xdr:rowOff>24493</xdr:rowOff>
    </xdr:from>
    <xdr:to>
      <xdr:col>7</xdr:col>
      <xdr:colOff>31285</xdr:colOff>
      <xdr:row>174</xdr:row>
      <xdr:rowOff>1689</xdr:rowOff>
    </xdr:to>
    <xdr:grpSp>
      <xdr:nvGrpSpPr>
        <xdr:cNvPr id="267" name="Group 266">
          <a:extLst>
            <a:ext uri="{FF2B5EF4-FFF2-40B4-BE49-F238E27FC236}">
              <a16:creationId xmlns:a16="http://schemas.microsoft.com/office/drawing/2014/main" id="{0F77EC20-EE1C-4B1F-8281-E2A581A931C6}"/>
            </a:ext>
          </a:extLst>
        </xdr:cNvPr>
        <xdr:cNvGrpSpPr/>
      </xdr:nvGrpSpPr>
      <xdr:grpSpPr>
        <a:xfrm>
          <a:off x="10227099" y="55674975"/>
          <a:ext cx="1104126" cy="183762"/>
          <a:chOff x="5523280" y="3351275"/>
          <a:chExt cx="1050189" cy="155449"/>
        </a:xfrm>
      </xdr:grpSpPr>
      <xdr:sp macro="" textlink="">
        <xdr:nvSpPr>
          <xdr:cNvPr id="268" name="Oval 267">
            <a:extLst>
              <a:ext uri="{FF2B5EF4-FFF2-40B4-BE49-F238E27FC236}">
                <a16:creationId xmlns:a16="http://schemas.microsoft.com/office/drawing/2014/main" id="{7DCCAE36-4080-4267-B982-D62CE8D16524}"/>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269" name="Oval 268">
            <a:extLst>
              <a:ext uri="{FF2B5EF4-FFF2-40B4-BE49-F238E27FC236}">
                <a16:creationId xmlns:a16="http://schemas.microsoft.com/office/drawing/2014/main" id="{8A8B186D-6FFF-4C86-8C68-F5E696FA6A5C}"/>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270" name="Oval 269">
            <a:extLst>
              <a:ext uri="{FF2B5EF4-FFF2-40B4-BE49-F238E27FC236}">
                <a16:creationId xmlns:a16="http://schemas.microsoft.com/office/drawing/2014/main" id="{42F7E3F4-983E-4FA0-A608-0AB0B1D80D8D}"/>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271" name="Oval 270">
            <a:extLst>
              <a:ext uri="{FF2B5EF4-FFF2-40B4-BE49-F238E27FC236}">
                <a16:creationId xmlns:a16="http://schemas.microsoft.com/office/drawing/2014/main" id="{6D3C3C04-835E-466A-96E0-5C4555C970EE}"/>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272" name="Oval 271">
            <a:extLst>
              <a:ext uri="{FF2B5EF4-FFF2-40B4-BE49-F238E27FC236}">
                <a16:creationId xmlns:a16="http://schemas.microsoft.com/office/drawing/2014/main" id="{D0DDADBD-0EAD-4BE5-9758-B54A0C50E6C9}"/>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twoCellAnchor>
    <xdr:from>
      <xdr:col>7</xdr:col>
      <xdr:colOff>108856</xdr:colOff>
      <xdr:row>173</xdr:row>
      <xdr:rowOff>34018</xdr:rowOff>
    </xdr:from>
    <xdr:to>
      <xdr:col>8</xdr:col>
      <xdr:colOff>16045</xdr:colOff>
      <xdr:row>174</xdr:row>
      <xdr:rowOff>2142</xdr:rowOff>
    </xdr:to>
    <xdr:grpSp>
      <xdr:nvGrpSpPr>
        <xdr:cNvPr id="273" name="Group 272">
          <a:extLst>
            <a:ext uri="{FF2B5EF4-FFF2-40B4-BE49-F238E27FC236}">
              <a16:creationId xmlns:a16="http://schemas.microsoft.com/office/drawing/2014/main" id="{49ED4958-9725-4E4A-817E-9F27E4754625}"/>
            </a:ext>
          </a:extLst>
        </xdr:cNvPr>
        <xdr:cNvGrpSpPr/>
      </xdr:nvGrpSpPr>
      <xdr:grpSpPr>
        <a:xfrm>
          <a:off x="11408796" y="55684500"/>
          <a:ext cx="1108333" cy="174690"/>
          <a:chOff x="5523280" y="3351275"/>
          <a:chExt cx="1050189" cy="155449"/>
        </a:xfrm>
      </xdr:grpSpPr>
      <xdr:sp macro="" textlink="">
        <xdr:nvSpPr>
          <xdr:cNvPr id="274" name="Oval 273">
            <a:extLst>
              <a:ext uri="{FF2B5EF4-FFF2-40B4-BE49-F238E27FC236}">
                <a16:creationId xmlns:a16="http://schemas.microsoft.com/office/drawing/2014/main" id="{7854430E-0E9A-46F9-AB3B-7025189F93E2}"/>
              </a:ext>
            </a:extLst>
          </xdr:cNvPr>
          <xdr:cNvSpPr/>
        </xdr:nvSpPr>
        <xdr:spPr>
          <a:xfrm>
            <a:off x="552328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1</a:t>
            </a:r>
          </a:p>
        </xdr:txBody>
      </xdr:sp>
      <xdr:sp macro="" textlink="">
        <xdr:nvSpPr>
          <xdr:cNvPr id="275" name="Oval 274">
            <a:extLst>
              <a:ext uri="{FF2B5EF4-FFF2-40B4-BE49-F238E27FC236}">
                <a16:creationId xmlns:a16="http://schemas.microsoft.com/office/drawing/2014/main" id="{4A01B9FC-C65E-4880-89CF-EF4DAD25CE9C}"/>
              </a:ext>
            </a:extLst>
          </xdr:cNvPr>
          <xdr:cNvSpPr/>
        </xdr:nvSpPr>
        <xdr:spPr>
          <a:xfrm>
            <a:off x="574696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2</a:t>
            </a:r>
          </a:p>
        </xdr:txBody>
      </xdr:sp>
      <xdr:sp macro="" textlink="">
        <xdr:nvSpPr>
          <xdr:cNvPr id="276" name="Oval 275">
            <a:extLst>
              <a:ext uri="{FF2B5EF4-FFF2-40B4-BE49-F238E27FC236}">
                <a16:creationId xmlns:a16="http://schemas.microsoft.com/office/drawing/2014/main" id="{87FF17A1-DF75-4FDD-87A7-5EE2F395F339}"/>
              </a:ext>
            </a:extLst>
          </xdr:cNvPr>
          <xdr:cNvSpPr/>
        </xdr:nvSpPr>
        <xdr:spPr>
          <a:xfrm>
            <a:off x="5970650"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3</a:t>
            </a:r>
          </a:p>
        </xdr:txBody>
      </xdr:sp>
      <xdr:sp macro="" textlink="">
        <xdr:nvSpPr>
          <xdr:cNvPr id="277" name="Oval 276">
            <a:extLst>
              <a:ext uri="{FF2B5EF4-FFF2-40B4-BE49-F238E27FC236}">
                <a16:creationId xmlns:a16="http://schemas.microsoft.com/office/drawing/2014/main" id="{0C059D7A-E53C-4CE2-86A1-9FC729468494}"/>
              </a:ext>
            </a:extLst>
          </xdr:cNvPr>
          <xdr:cNvSpPr/>
        </xdr:nvSpPr>
        <xdr:spPr>
          <a:xfrm>
            <a:off x="6194335"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4</a:t>
            </a:r>
          </a:p>
        </xdr:txBody>
      </xdr:sp>
      <xdr:sp macro="" textlink="">
        <xdr:nvSpPr>
          <xdr:cNvPr id="278" name="Oval 277">
            <a:extLst>
              <a:ext uri="{FF2B5EF4-FFF2-40B4-BE49-F238E27FC236}">
                <a16:creationId xmlns:a16="http://schemas.microsoft.com/office/drawing/2014/main" id="{8212EFA9-0A92-47DB-8B2F-0ACEA3A34AB1}"/>
              </a:ext>
            </a:extLst>
          </xdr:cNvPr>
          <xdr:cNvSpPr/>
        </xdr:nvSpPr>
        <xdr:spPr>
          <a:xfrm>
            <a:off x="6418021" y="3351275"/>
            <a:ext cx="155448" cy="155449"/>
          </a:xfrm>
          <a:prstGeom prst="ellipse">
            <a:avLst/>
          </a:prstGeom>
          <a:solidFill>
            <a:schemeClr val="bg1"/>
          </a:solidFill>
          <a:ln>
            <a:solidFill>
              <a:srgbClr val="FFC000"/>
            </a:solidFill>
          </a:ln>
        </xdr:spPr>
        <xdr:style>
          <a:lnRef idx="2">
            <a:schemeClr val="accent1">
              <a:shade val="50000"/>
            </a:schemeClr>
          </a:lnRef>
          <a:fillRef idx="1">
            <a:schemeClr val="accent1"/>
          </a:fillRef>
          <a:effectRef idx="0">
            <a:schemeClr val="accent1"/>
          </a:effectRef>
          <a:fontRef idx="minor">
            <a:schemeClr val="lt1"/>
          </a:fontRef>
        </xdr:style>
        <xdr:txBody>
          <a:bodyPr wrap="square" lIns="0" tIns="0" rIns="0" bIns="0" rtlCol="0" anchor="ctr" anchorCtr="0"/>
          <a:lstStyle>
            <a:defPPr>
              <a:defRPr lang="en-US"/>
            </a:defPPr>
            <a:lvl1pPr algn="l" rtl="0" eaLnBrk="0" fontAlgn="base" hangingPunct="0">
              <a:spcBef>
                <a:spcPct val="0"/>
              </a:spcBef>
              <a:spcAft>
                <a:spcPct val="0"/>
              </a:spcAft>
              <a:defRPr kern="1200">
                <a:solidFill>
                  <a:schemeClr val="lt1"/>
                </a:solidFill>
                <a:latin typeface="+mn-lt"/>
                <a:ea typeface="+mn-ea"/>
                <a:cs typeface="+mn-cs"/>
              </a:defRPr>
            </a:lvl1pPr>
            <a:lvl2pPr marL="457200" algn="l" rtl="0" eaLnBrk="0" fontAlgn="base" hangingPunct="0">
              <a:spcBef>
                <a:spcPct val="0"/>
              </a:spcBef>
              <a:spcAft>
                <a:spcPct val="0"/>
              </a:spcAft>
              <a:defRPr kern="1200">
                <a:solidFill>
                  <a:schemeClr val="lt1"/>
                </a:solidFill>
                <a:latin typeface="+mn-lt"/>
                <a:ea typeface="+mn-ea"/>
                <a:cs typeface="+mn-cs"/>
              </a:defRPr>
            </a:lvl2pPr>
            <a:lvl3pPr marL="914400" algn="l" rtl="0" eaLnBrk="0" fontAlgn="base" hangingPunct="0">
              <a:spcBef>
                <a:spcPct val="0"/>
              </a:spcBef>
              <a:spcAft>
                <a:spcPct val="0"/>
              </a:spcAft>
              <a:defRPr kern="1200">
                <a:solidFill>
                  <a:schemeClr val="lt1"/>
                </a:solidFill>
                <a:latin typeface="+mn-lt"/>
                <a:ea typeface="+mn-ea"/>
                <a:cs typeface="+mn-cs"/>
              </a:defRPr>
            </a:lvl3pPr>
            <a:lvl4pPr marL="1371600" algn="l" rtl="0" eaLnBrk="0" fontAlgn="base" hangingPunct="0">
              <a:spcBef>
                <a:spcPct val="0"/>
              </a:spcBef>
              <a:spcAft>
                <a:spcPct val="0"/>
              </a:spcAft>
              <a:defRPr kern="1200">
                <a:solidFill>
                  <a:schemeClr val="lt1"/>
                </a:solidFill>
                <a:latin typeface="+mn-lt"/>
                <a:ea typeface="+mn-ea"/>
                <a:cs typeface="+mn-cs"/>
              </a:defRPr>
            </a:lvl4pPr>
            <a:lvl5pPr marL="1828800" algn="l" rtl="0" eaLnBrk="0" fontAlgn="base" hangingPunct="0">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a:r>
              <a:rPr lang="en-US" sz="800" b="1">
                <a:solidFill>
                  <a:schemeClr val="tx1"/>
                </a:solidFill>
                <a:latin typeface="Arial" panose="020B0604020202020204" pitchFamily="34" charset="0"/>
                <a:cs typeface="Arial" panose="020B0604020202020204" pitchFamily="34" charset="0"/>
              </a:rPr>
              <a:t>5</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DELL000\sapall\GVE_SHARED\ContentTeam\2017%20workstreams\10-%20Digital%20Readiness%20Surveys\DR%20Surveys%20Offline\PRINTABLE%20FORMAT%20OFFLINE%20SURVEYS\A&amp;D_Digital%20Readiness_Print.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usphlg101.phl.global.corp.sap\GIVE-KM-Enablement\Users\i054187\Desktop\Enterprise_Digital%20Readiness_1.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Supply%20Chain%20Management%20Survey_detailed_Offline%20Excel_2011201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amp;D DR Survey"/>
      <sheetName val="Library"/>
      <sheetName val="T&amp;C"/>
    </sheetNames>
    <sheetDataSet>
      <sheetData sheetId="0"/>
      <sheetData sheetId="1">
        <row r="2">
          <cell r="A2" t="str">
            <v>Aerospace and Defense</v>
          </cell>
          <cell r="G2" t="str">
            <v>NA</v>
          </cell>
          <cell r="I2" t="str">
            <v>Yes</v>
          </cell>
        </row>
        <row r="3">
          <cell r="A3" t="str">
            <v>Automotive</v>
          </cell>
          <cell r="G3">
            <v>1</v>
          </cell>
          <cell r="I3" t="str">
            <v>No</v>
          </cell>
        </row>
        <row r="4">
          <cell r="A4" t="str">
            <v>Banking</v>
          </cell>
          <cell r="G4">
            <v>2</v>
          </cell>
        </row>
        <row r="5">
          <cell r="A5" t="str">
            <v>Chemicals</v>
          </cell>
          <cell r="G5">
            <v>3</v>
          </cell>
        </row>
        <row r="6">
          <cell r="A6" t="str">
            <v>Consumer Products</v>
          </cell>
          <cell r="G6">
            <v>4</v>
          </cell>
        </row>
        <row r="7">
          <cell r="A7" t="str">
            <v>Defense and Security</v>
          </cell>
          <cell r="G7">
            <v>5</v>
          </cell>
        </row>
        <row r="8">
          <cell r="A8" t="str">
            <v>Engineering, Construction and Operations</v>
          </cell>
        </row>
        <row r="9">
          <cell r="A9" t="str">
            <v>Healthcare</v>
          </cell>
        </row>
        <row r="10">
          <cell r="A10" t="str">
            <v>High Tech</v>
          </cell>
        </row>
        <row r="11">
          <cell r="A11" t="str">
            <v>Higher Education and Research</v>
          </cell>
        </row>
        <row r="12">
          <cell r="A12" t="str">
            <v>Industrial Machinery and Components</v>
          </cell>
        </row>
        <row r="13">
          <cell r="A13" t="str">
            <v>Insurance</v>
          </cell>
        </row>
        <row r="14">
          <cell r="A14" t="str">
            <v>Life Sciences</v>
          </cell>
        </row>
        <row r="15">
          <cell r="A15" t="str">
            <v>Media</v>
          </cell>
        </row>
        <row r="16">
          <cell r="A16" t="str">
            <v>Mill Products</v>
          </cell>
        </row>
        <row r="17">
          <cell r="A17" t="str">
            <v>Mining</v>
          </cell>
        </row>
        <row r="18">
          <cell r="A18" t="str">
            <v>Oil and Gas</v>
          </cell>
        </row>
        <row r="19">
          <cell r="A19" t="str">
            <v>Other Services</v>
          </cell>
        </row>
        <row r="20">
          <cell r="A20" t="str">
            <v>Professional Services</v>
          </cell>
        </row>
        <row r="21">
          <cell r="A21" t="str">
            <v>Public Sector</v>
          </cell>
        </row>
        <row r="22">
          <cell r="A22" t="str">
            <v>Retail</v>
          </cell>
        </row>
        <row r="23">
          <cell r="A23" t="str">
            <v>Sports and Entertainment</v>
          </cell>
        </row>
        <row r="24">
          <cell r="A24" t="str">
            <v>Telecommunications</v>
          </cell>
        </row>
        <row r="25">
          <cell r="A25" t="str">
            <v>Travel &amp; Transport: Airlines</v>
          </cell>
        </row>
        <row r="26">
          <cell r="A26" t="str">
            <v>Travel &amp; Transport: Hospitality</v>
          </cell>
        </row>
        <row r="27">
          <cell r="A27" t="str">
            <v>Travel &amp; Transport: Logistics</v>
          </cell>
        </row>
        <row r="28">
          <cell r="A28" t="str">
            <v>Travel &amp; Transport: Railways</v>
          </cell>
        </row>
        <row r="29">
          <cell r="A29" t="str">
            <v>Utilities</v>
          </cell>
        </row>
        <row r="30">
          <cell r="A30" t="str">
            <v>Wholesale Distribution</v>
          </cell>
        </row>
        <row r="31">
          <cell r="A31" t="str">
            <v>Other</v>
          </cell>
        </row>
      </sheetData>
      <sheetData sheetId="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ge 1"/>
      <sheetName val="Page 2"/>
      <sheetName val="T&amp;C"/>
      <sheetName val="Library"/>
    </sheetNames>
    <sheetDataSet>
      <sheetData sheetId="0"/>
      <sheetData sheetId="1"/>
      <sheetData sheetId="2"/>
      <sheetData sheetId="3">
        <row r="2">
          <cell r="E2" t="str">
            <v>U.S. Dollar</v>
          </cell>
          <cell r="F2" t="str">
            <v>Aerospace and Defense</v>
          </cell>
          <cell r="G2" t="str">
            <v>Aerospace and Defense - Maintenance, Repair and Overhaul (MRO)</v>
          </cell>
          <cell r="I2" t="str">
            <v>NA</v>
          </cell>
          <cell r="J2" t="str">
            <v>Yes</v>
          </cell>
        </row>
        <row r="3">
          <cell r="E3" t="str">
            <v>Canadian Dollar</v>
          </cell>
          <cell r="F3" t="str">
            <v>Automotive</v>
          </cell>
          <cell r="G3" t="str">
            <v>Aerospace and Defense - Manufacturing</v>
          </cell>
          <cell r="I3">
            <v>1</v>
          </cell>
          <cell r="J3" t="str">
            <v>No</v>
          </cell>
        </row>
        <row r="4">
          <cell r="E4" t="str">
            <v>Afghani</v>
          </cell>
          <cell r="F4" t="str">
            <v>Banking</v>
          </cell>
          <cell r="G4" t="str">
            <v>Automotive - Automotive Supplier</v>
          </cell>
          <cell r="I4">
            <v>2</v>
          </cell>
        </row>
        <row r="5">
          <cell r="E5" t="str">
            <v>Algerian Dinar</v>
          </cell>
          <cell r="F5" t="str">
            <v>Chemicals</v>
          </cell>
          <cell r="G5" t="str">
            <v>Automotive - Original Equipment Manufacturers (OEMs)</v>
          </cell>
          <cell r="I5">
            <v>3</v>
          </cell>
        </row>
        <row r="6">
          <cell r="E6" t="str">
            <v>Argentine Peso</v>
          </cell>
          <cell r="F6" t="str">
            <v>Consumer Products</v>
          </cell>
          <cell r="G6" t="str">
            <v>Automotive - Sales and Service</v>
          </cell>
          <cell r="I6">
            <v>4</v>
          </cell>
        </row>
        <row r="7">
          <cell r="E7" t="str">
            <v>Armenian Dram</v>
          </cell>
          <cell r="F7" t="str">
            <v>Defense and Security</v>
          </cell>
          <cell r="G7" t="str">
            <v>Banking - Asset Finance and Leasing</v>
          </cell>
          <cell r="I7">
            <v>5</v>
          </cell>
        </row>
        <row r="8">
          <cell r="E8" t="str">
            <v>Australian Dollar</v>
          </cell>
          <cell r="F8" t="str">
            <v>Engineering, Construction and Operations</v>
          </cell>
          <cell r="G8" t="str">
            <v>Banking - Brokerage Services</v>
          </cell>
        </row>
        <row r="9">
          <cell r="E9" t="str">
            <v>Azerbaijanian Manat</v>
          </cell>
          <cell r="F9" t="str">
            <v>Healthcare</v>
          </cell>
          <cell r="G9" t="str">
            <v>Banking - Corporate Banking</v>
          </cell>
        </row>
        <row r="10">
          <cell r="E10" t="str">
            <v>Bahamian Dollar</v>
          </cell>
          <cell r="F10" t="str">
            <v>High Tech</v>
          </cell>
          <cell r="G10" t="str">
            <v>Banking - Investment Banking</v>
          </cell>
        </row>
        <row r="11">
          <cell r="E11" t="str">
            <v>Bahraini Dinar</v>
          </cell>
          <cell r="F11" t="str">
            <v>Higher Education and Research</v>
          </cell>
          <cell r="G11" t="str">
            <v>Banking - Retail Banking</v>
          </cell>
        </row>
        <row r="12">
          <cell r="E12" t="str">
            <v>Balboa</v>
          </cell>
          <cell r="F12" t="str">
            <v>Industrial Machinery and Components</v>
          </cell>
          <cell r="G12" t="str">
            <v>Chemicals - Agricultural Chemicals</v>
          </cell>
        </row>
        <row r="13">
          <cell r="E13" t="str">
            <v>Barbados Dollar</v>
          </cell>
          <cell r="F13" t="str">
            <v>Insurance</v>
          </cell>
          <cell r="G13" t="str">
            <v>Chemicals - Basic (commodity) Chemicals</v>
          </cell>
        </row>
        <row r="14">
          <cell r="E14" t="str">
            <v>Belarussian Ruble</v>
          </cell>
          <cell r="F14" t="str">
            <v>Life Sciences</v>
          </cell>
          <cell r="G14" t="str">
            <v>Chemicals - Industrial Gases</v>
          </cell>
        </row>
        <row r="15">
          <cell r="E15" t="str">
            <v>Belize Dollar</v>
          </cell>
          <cell r="F15" t="str">
            <v>Media</v>
          </cell>
          <cell r="G15" t="str">
            <v>Chemicals - Specialty Chemicals</v>
          </cell>
        </row>
        <row r="16">
          <cell r="E16" t="str">
            <v>Bolivar Fuerte</v>
          </cell>
          <cell r="F16" t="str">
            <v>Mill Products</v>
          </cell>
          <cell r="G16" t="str">
            <v>Consumer Products - Apparel and Footwear</v>
          </cell>
        </row>
        <row r="17">
          <cell r="E17" t="str">
            <v>Boliviano</v>
          </cell>
          <cell r="F17" t="str">
            <v>Mining</v>
          </cell>
          <cell r="G17" t="str">
            <v>Consumer Products - Beverages</v>
          </cell>
        </row>
        <row r="18">
          <cell r="E18" t="str">
            <v>Botswana Pula</v>
          </cell>
          <cell r="F18" t="str">
            <v>Oil and Gas</v>
          </cell>
          <cell r="G18" t="str">
            <v>Consumer Products - Consumer Durables and Home Appliances (CD&amp;HA)</v>
          </cell>
        </row>
        <row r="19">
          <cell r="E19" t="str">
            <v>Brazilian Real</v>
          </cell>
          <cell r="F19" t="str">
            <v>Other Services</v>
          </cell>
          <cell r="G19" t="str">
            <v>Consumer Products - Consumer Electronics</v>
          </cell>
        </row>
        <row r="20">
          <cell r="E20" t="str">
            <v>British Pound</v>
          </cell>
          <cell r="F20" t="str">
            <v>Postal Services</v>
          </cell>
          <cell r="G20" t="str">
            <v>Consumer Products - Food</v>
          </cell>
        </row>
        <row r="21">
          <cell r="E21" t="str">
            <v>Brunei Dollar</v>
          </cell>
          <cell r="F21" t="str">
            <v>Professional Services</v>
          </cell>
          <cell r="G21" t="str">
            <v>Consumer Products - Home and Personal Care (HPC)</v>
          </cell>
        </row>
        <row r="22">
          <cell r="E22" t="str">
            <v>Bulgarian Lev</v>
          </cell>
          <cell r="F22" t="str">
            <v>Public Sector</v>
          </cell>
          <cell r="G22" t="str">
            <v>Defense and Security - Defense Logistics</v>
          </cell>
        </row>
        <row r="23">
          <cell r="E23" t="str">
            <v>Burundi Franc</v>
          </cell>
          <cell r="F23" t="str">
            <v>Retail</v>
          </cell>
          <cell r="G23" t="str">
            <v>Defense and Security - Departments Of Defense and Military Agencies</v>
          </cell>
        </row>
        <row r="24">
          <cell r="E24" t="str">
            <v>Cape Verde Escudo</v>
          </cell>
          <cell r="F24" t="str">
            <v>Sports and Entertainment</v>
          </cell>
          <cell r="G24" t="str">
            <v>Defense and Security - Security - Local Government</v>
          </cell>
        </row>
        <row r="25">
          <cell r="E25" t="str">
            <v>Cedi</v>
          </cell>
          <cell r="F25" t="str">
            <v>Telecommunications</v>
          </cell>
          <cell r="G25" t="str">
            <v>Defense and Security - Security - State Government</v>
          </cell>
        </row>
        <row r="26">
          <cell r="E26" t="str">
            <v>CFA Franc BCEAO †</v>
          </cell>
          <cell r="F26" t="str">
            <v>Travel &amp; Transport: Airlines</v>
          </cell>
          <cell r="G26" t="str">
            <v>Engineering, Construction and Operations - Commercial Real Estate</v>
          </cell>
        </row>
        <row r="27">
          <cell r="E27" t="str">
            <v>CFA Franc BEAC ‡</v>
          </cell>
          <cell r="F27" t="str">
            <v>Travel &amp; Transport: Hospitality</v>
          </cell>
          <cell r="G27" t="str">
            <v>Engineering, Construction and Operations - Construction</v>
          </cell>
        </row>
        <row r="28">
          <cell r="E28" t="str">
            <v>Chilean Peso</v>
          </cell>
          <cell r="F28" t="str">
            <v>Travel &amp; Transport: Logistics</v>
          </cell>
          <cell r="G28" t="str">
            <v>Engineering, Construction and Operations - Engineering and Design Firms</v>
          </cell>
        </row>
        <row r="29">
          <cell r="E29" t="str">
            <v>Chinese Yuan</v>
          </cell>
          <cell r="F29" t="str">
            <v>Travel &amp; Transport: Railways</v>
          </cell>
          <cell r="G29" t="str">
            <v>Engineering, Construction and Operations - Facilities Management</v>
          </cell>
        </row>
        <row r="30">
          <cell r="E30" t="str">
            <v>Colombian Peso</v>
          </cell>
          <cell r="F30" t="str">
            <v>Utilities</v>
          </cell>
          <cell r="G30" t="str">
            <v>Engineering, Construction and Operations - Homebuilding</v>
          </cell>
        </row>
        <row r="31">
          <cell r="E31" t="str">
            <v>Comoro Franc</v>
          </cell>
          <cell r="F31" t="str">
            <v>Wholesale Distribution</v>
          </cell>
          <cell r="G31" t="str">
            <v>Engineering, Construction and Operations - Shipbuilding</v>
          </cell>
        </row>
        <row r="32">
          <cell r="E32" t="str">
            <v xml:space="preserve">Congolese Franc </v>
          </cell>
          <cell r="F32" t="str">
            <v>Other</v>
          </cell>
          <cell r="G32" t="str">
            <v>Healthcare - Health and Human Services (HHS)</v>
          </cell>
        </row>
        <row r="33">
          <cell r="E33" t="str">
            <v>Convertible Marks</v>
          </cell>
          <cell r="G33" t="str">
            <v>Healthcare - Healthcare Providers/ Payers</v>
          </cell>
        </row>
        <row r="34">
          <cell r="E34" t="str">
            <v>Cordoba Oro</v>
          </cell>
          <cell r="G34" t="str">
            <v>High Tech - Electronic Manufacturing Service Providers</v>
          </cell>
        </row>
        <row r="35">
          <cell r="E35" t="str">
            <v>Costa Rican Colon</v>
          </cell>
          <cell r="G35" t="str">
            <v>High Tech - OEMs (business, medical and consumer)</v>
          </cell>
        </row>
        <row r="36">
          <cell r="E36" t="str">
            <v>Croatian Kuna</v>
          </cell>
          <cell r="G36" t="str">
            <v>High Tech - Semiconductor and Component Manufacturers</v>
          </cell>
        </row>
        <row r="37">
          <cell r="E37" t="str">
            <v>Cuban Peso</v>
          </cell>
          <cell r="G37" t="str">
            <v>High Tech - Software Providers</v>
          </cell>
        </row>
        <row r="38">
          <cell r="E38" t="str">
            <v>Czech Koruna</v>
          </cell>
          <cell r="G38" t="str">
            <v>Higher Education and Research - Education and Research</v>
          </cell>
        </row>
        <row r="39">
          <cell r="E39" t="str">
            <v>Dalasi</v>
          </cell>
          <cell r="G39" t="str">
            <v>Higher Education and Research - Junior, Community and Four-Year Colleges</v>
          </cell>
        </row>
        <row r="40">
          <cell r="E40" t="str">
            <v>Danish Krone</v>
          </cell>
          <cell r="G40" t="str">
            <v>Higher Education and Research - Large Universities (&gt; 25K students)</v>
          </cell>
        </row>
        <row r="41">
          <cell r="E41" t="str">
            <v>Denar</v>
          </cell>
          <cell r="G41" t="str">
            <v>Higher Education and Research - Research Universities</v>
          </cell>
        </row>
        <row r="42">
          <cell r="E42" t="str">
            <v>Djibouti Franc</v>
          </cell>
          <cell r="G42" t="str">
            <v>Higher Education and Research - Trade and Technical Schools</v>
          </cell>
        </row>
        <row r="43">
          <cell r="E43" t="str">
            <v xml:space="preserve">Dobra </v>
          </cell>
          <cell r="G43" t="str">
            <v>Higher Education and Research - University Systems</v>
          </cell>
        </row>
        <row r="44">
          <cell r="E44" t="str">
            <v>Dominican Peso</v>
          </cell>
          <cell r="G44" t="str">
            <v>Industrial Machinery and Components - Construction and Mining Machinery</v>
          </cell>
        </row>
        <row r="45">
          <cell r="E45" t="str">
            <v>Dong</v>
          </cell>
          <cell r="G45" t="str">
            <v>Industrial Machinery and Components - Electrical Equipment, Appliance and Components</v>
          </cell>
        </row>
        <row r="46">
          <cell r="E46" t="str">
            <v>East Caribbean Dollar</v>
          </cell>
          <cell r="G46" t="str">
            <v>Industrial Machinery and Components - Elevators, Escalators and Moving Sidewalks</v>
          </cell>
        </row>
        <row r="47">
          <cell r="E47" t="str">
            <v>Egyptian Pound</v>
          </cell>
          <cell r="G47" t="str">
            <v>Industrial Machinery and Components - Engine, Turbine, Pump and Compressor Machinery</v>
          </cell>
        </row>
        <row r="48">
          <cell r="E48" t="str">
            <v>El Salvador Colon</v>
          </cell>
          <cell r="G48" t="str">
            <v>Industrial Machinery and Components - General Industrial Machinery and Equipment</v>
          </cell>
        </row>
        <row r="49">
          <cell r="E49" t="str">
            <v>Ethiopian Birr</v>
          </cell>
          <cell r="G49" t="str">
            <v>Industrial Machinery and Components - Heating, Ventilation, Air Conditioning and Plumbing Equipment</v>
          </cell>
        </row>
        <row r="50">
          <cell r="E50" t="str">
            <v>Euro</v>
          </cell>
          <cell r="G50" t="str">
            <v>Industrial Machinery and Components - Industrial Tools and Metal Working Machinery</v>
          </cell>
        </row>
        <row r="51">
          <cell r="E51" t="str">
            <v>Fiji Dollar</v>
          </cell>
          <cell r="G51" t="str">
            <v>Industrial Machinery and Components - Lifting and Material Handling Equipment</v>
          </cell>
        </row>
        <row r="52">
          <cell r="E52" t="str">
            <v>Gourde</v>
          </cell>
          <cell r="G52" t="str">
            <v>Industrial Machinery and Components - Measuring and Controlling Devices</v>
          </cell>
        </row>
        <row r="53">
          <cell r="E53" t="str">
            <v>Guarani</v>
          </cell>
          <cell r="G53" t="str">
            <v>Industrial Machinery and Components - Motion and Fluid Control</v>
          </cell>
        </row>
        <row r="54">
          <cell r="E54" t="str">
            <v>Guinea Franc</v>
          </cell>
          <cell r="G54" t="str">
            <v>Industrial Machinery and Components - Oil and Gas Machinery</v>
          </cell>
        </row>
        <row r="55">
          <cell r="E55" t="str">
            <v>Guinea-Bissau Peso</v>
          </cell>
          <cell r="G55" t="str">
            <v>Industrial Machinery and Components - Railroad Equipment</v>
          </cell>
        </row>
        <row r="56">
          <cell r="E56" t="str">
            <v>Guyana Dollar</v>
          </cell>
          <cell r="G56" t="str">
            <v>Industrial Machinery and Components - Semiconductor and Electronic Measurement Equipment</v>
          </cell>
        </row>
        <row r="57">
          <cell r="E57" t="str">
            <v>Hong Kong Dollar</v>
          </cell>
          <cell r="G57" t="str">
            <v>Industrial Machinery and Components - Textile, Paper, Printing and Packaging Machinery</v>
          </cell>
        </row>
        <row r="58">
          <cell r="E58" t="str">
            <v>Hryvnia</v>
          </cell>
          <cell r="G58" t="str">
            <v>Insurance - Group and Health</v>
          </cell>
        </row>
        <row r="59">
          <cell r="E59" t="str">
            <v>Hungarian Forint</v>
          </cell>
          <cell r="G59" t="str">
            <v>Insurance - Life Insurance</v>
          </cell>
        </row>
        <row r="60">
          <cell r="E60" t="str">
            <v>Iceland Krona</v>
          </cell>
          <cell r="G60" t="str">
            <v>Insurance - Other Insurance</v>
          </cell>
        </row>
        <row r="61">
          <cell r="E61" t="str">
            <v>Indian Rupee</v>
          </cell>
          <cell r="G61" t="str">
            <v>Insurance - Property and Casualty</v>
          </cell>
        </row>
        <row r="62">
          <cell r="E62" t="str">
            <v>Indonesian Rupiah</v>
          </cell>
          <cell r="G62" t="str">
            <v>Insurance - Reinsurance</v>
          </cell>
        </row>
        <row r="63">
          <cell r="E63" t="str">
            <v>Iranian Rial</v>
          </cell>
          <cell r="G63" t="str">
            <v>Life Sciences - Biotechnology/ Biopharmaceuticals</v>
          </cell>
        </row>
        <row r="64">
          <cell r="E64" t="str">
            <v>Iraqi Dinar</v>
          </cell>
          <cell r="G64" t="str">
            <v>Life Sciences - Medical Devices and Scientific Instruments</v>
          </cell>
        </row>
        <row r="65">
          <cell r="E65" t="str">
            <v>Israeli New Shekel</v>
          </cell>
          <cell r="G65" t="str">
            <v>Life Sciences - Pharmaceuticals</v>
          </cell>
        </row>
        <row r="66">
          <cell r="E66" t="str">
            <v>Jamaican Dollar</v>
          </cell>
          <cell r="G66" t="str">
            <v>Media - Broadcasting (radio, television)</v>
          </cell>
        </row>
        <row r="67">
          <cell r="E67" t="str">
            <v>Japanese Yen</v>
          </cell>
          <cell r="G67" t="str">
            <v>Media - Entertainment (film, music, games)</v>
          </cell>
        </row>
        <row r="68">
          <cell r="E68" t="str">
            <v>Jordanian Dinar</v>
          </cell>
          <cell r="G68" t="str">
            <v>Media - Newspapers and Magazines</v>
          </cell>
        </row>
        <row r="69">
          <cell r="E69" t="str">
            <v>Kenyan Shilling</v>
          </cell>
          <cell r="G69" t="str">
            <v>Media - Premium Content Publishing</v>
          </cell>
        </row>
        <row r="70">
          <cell r="E70" t="str">
            <v>Kina</v>
          </cell>
          <cell r="G70" t="str">
            <v>Mill Products - Building Materials</v>
          </cell>
        </row>
        <row r="71">
          <cell r="E71" t="str">
            <v>Kip</v>
          </cell>
          <cell r="G71" t="str">
            <v>Mill Products - Cable and Wire Products</v>
          </cell>
        </row>
        <row r="72">
          <cell r="E72" t="str">
            <v>Kroon</v>
          </cell>
          <cell r="G72" t="str">
            <v>Mill Products - Fabricated Metal Products</v>
          </cell>
        </row>
        <row r="73">
          <cell r="E73" t="str">
            <v>Kuwaiti Dinar</v>
          </cell>
          <cell r="G73" t="str">
            <v>Mill Products - Furniture</v>
          </cell>
        </row>
        <row r="74">
          <cell r="E74" t="str">
            <v>Kwacha</v>
          </cell>
          <cell r="G74" t="str">
            <v>Mill Products - Packaging</v>
          </cell>
        </row>
        <row r="75">
          <cell r="E75" t="str">
            <v>Kwanza</v>
          </cell>
          <cell r="G75" t="str">
            <v>Mill Products - Plastic Products</v>
          </cell>
        </row>
        <row r="76">
          <cell r="E76" t="str">
            <v>Kyat</v>
          </cell>
          <cell r="G76" t="str">
            <v>Mill Products - Primary Metals</v>
          </cell>
        </row>
        <row r="77">
          <cell r="E77" t="str">
            <v>Lari</v>
          </cell>
          <cell r="G77" t="str">
            <v>Mill Products - Pulp and Paper Products</v>
          </cell>
        </row>
        <row r="78">
          <cell r="E78" t="str">
            <v>Latvian Lats</v>
          </cell>
          <cell r="G78" t="str">
            <v>Mill Products - Textile</v>
          </cell>
        </row>
        <row r="79">
          <cell r="E79" t="str">
            <v>Lebanese Pound</v>
          </cell>
          <cell r="G79" t="str">
            <v>Mill Products - Timberlands and Solid Wood Products</v>
          </cell>
        </row>
        <row r="80">
          <cell r="E80" t="str">
            <v>Lek</v>
          </cell>
          <cell r="G80" t="str">
            <v>Mining - Coal Mining</v>
          </cell>
        </row>
        <row r="81">
          <cell r="E81" t="str">
            <v>Lempira</v>
          </cell>
          <cell r="G81" t="str">
            <v>Mining - Metal Mining</v>
          </cell>
        </row>
        <row r="82">
          <cell r="E82" t="str">
            <v>Leone</v>
          </cell>
          <cell r="G82" t="str">
            <v>Mining - Non-Metal Mining</v>
          </cell>
        </row>
        <row r="83">
          <cell r="E83" t="str">
            <v>Liberian Dollar</v>
          </cell>
          <cell r="G83" t="str">
            <v>Oil and Gas - Downstream Marketing and Retailing</v>
          </cell>
        </row>
        <row r="84">
          <cell r="E84" t="str">
            <v>Libyan Dinar</v>
          </cell>
          <cell r="G84" t="str">
            <v>Oil and Gas - Downstream Refining and Manufacturing</v>
          </cell>
        </row>
        <row r="85">
          <cell r="E85" t="str">
            <v>Lilangeni</v>
          </cell>
          <cell r="G85" t="str">
            <v>Oil and Gas - Oil Field Service Providers</v>
          </cell>
        </row>
        <row r="86">
          <cell r="E86" t="str">
            <v>Lithuanian Litas</v>
          </cell>
          <cell r="G86" t="str">
            <v>Oil and Gas - Supply, Transmission and Trading</v>
          </cell>
        </row>
        <row r="87">
          <cell r="E87" t="str">
            <v>Loti</v>
          </cell>
          <cell r="G87" t="str">
            <v>Oil and Gas - Upstream</v>
          </cell>
        </row>
        <row r="88">
          <cell r="E88" t="str">
            <v>Malagasy Ariary</v>
          </cell>
          <cell r="G88" t="str">
            <v>Other Services - Others</v>
          </cell>
        </row>
        <row r="89">
          <cell r="E89" t="str">
            <v>Malaysian Ringgit</v>
          </cell>
          <cell r="G89" t="str">
            <v>Postal Services - Courier/ Express Delivery Providers</v>
          </cell>
        </row>
        <row r="90">
          <cell r="E90" t="str">
            <v>Manat</v>
          </cell>
          <cell r="G90" t="str">
            <v>Postal Services - Public Postal Services</v>
          </cell>
        </row>
        <row r="91">
          <cell r="E91" t="str">
            <v>Mauritius Rupee</v>
          </cell>
          <cell r="G91" t="str">
            <v>Professional Services - Audit and Tax</v>
          </cell>
        </row>
        <row r="92">
          <cell r="E92" t="str">
            <v>Metical</v>
          </cell>
          <cell r="G92" t="str">
            <v>Professional Services - Business Process Outsourcing</v>
          </cell>
        </row>
        <row r="93">
          <cell r="E93" t="str">
            <v>Mexican Peso</v>
          </cell>
          <cell r="G93" t="str">
            <v>Professional Services - Consulting Services</v>
          </cell>
        </row>
        <row r="94">
          <cell r="E94" t="str">
            <v>Moldovan Leu</v>
          </cell>
          <cell r="G94" t="str">
            <v>Professional Services - IT BPO Service Providers</v>
          </cell>
        </row>
        <row r="95">
          <cell r="E95" t="str">
            <v>Moroccan Dirham</v>
          </cell>
          <cell r="G95" t="str">
            <v>Professional Services - Legal</v>
          </cell>
        </row>
        <row r="96">
          <cell r="E96" t="str">
            <v>Naira</v>
          </cell>
          <cell r="G96" t="str">
            <v>Professional Services - Staffing</v>
          </cell>
        </row>
        <row r="97">
          <cell r="E97" t="str">
            <v>Nakfa</v>
          </cell>
          <cell r="G97" t="str">
            <v>Public Sector - Cities</v>
          </cell>
        </row>
        <row r="98">
          <cell r="E98" t="str">
            <v xml:space="preserve">Namibia Dollar </v>
          </cell>
          <cell r="G98" t="str">
            <v>Public Sector - Federal/ Civilian Cabinet-Level Agencies</v>
          </cell>
        </row>
        <row r="99">
          <cell r="E99" t="str">
            <v>Nepalese Rupee</v>
          </cell>
          <cell r="G99" t="str">
            <v>Public Sector - Federal/ Civilian Large Independent Agencies</v>
          </cell>
        </row>
        <row r="100">
          <cell r="E100" t="str">
            <v>New Leu</v>
          </cell>
          <cell r="G100" t="str">
            <v>Public Sector - K-12 Education</v>
          </cell>
        </row>
        <row r="101">
          <cell r="E101" t="str">
            <v>New Zealand Dollar</v>
          </cell>
          <cell r="G101" t="str">
            <v>Public Sector - Nondepartmental Government Bodies</v>
          </cell>
        </row>
        <row r="102">
          <cell r="E102" t="str">
            <v>Ngultrum</v>
          </cell>
          <cell r="G102" t="str">
            <v>Public Sector - Nonprofit Organizations</v>
          </cell>
        </row>
        <row r="103">
          <cell r="E103" t="str">
            <v>North Korean Won</v>
          </cell>
          <cell r="G103" t="str">
            <v>Public Sector - Public Security Organizations</v>
          </cell>
        </row>
        <row r="104">
          <cell r="E104" t="str">
            <v>Norwegian Krone</v>
          </cell>
          <cell r="G104" t="str">
            <v>Public Sector - State and Local Government</v>
          </cell>
        </row>
        <row r="105">
          <cell r="E105" t="str">
            <v>Omani Rial</v>
          </cell>
          <cell r="G105" t="str">
            <v>Retail - Fashion</v>
          </cell>
        </row>
        <row r="106">
          <cell r="E106" t="str">
            <v>Ouguiya</v>
          </cell>
          <cell r="G106" t="str">
            <v>Retail - Fashion Retailers Department Stores</v>
          </cell>
        </row>
        <row r="107">
          <cell r="E107" t="str">
            <v>Pa'anga</v>
          </cell>
          <cell r="G107" t="str">
            <v>Retail - General Merchandise/ Specialty</v>
          </cell>
        </row>
        <row r="108">
          <cell r="E108" t="str">
            <v>Pakistan Rupee</v>
          </cell>
          <cell r="G108" t="str">
            <v>Retail - Grocery, Drug, C-Stores and Food Service</v>
          </cell>
        </row>
        <row r="109">
          <cell r="E109" t="str">
            <v>Pataca</v>
          </cell>
          <cell r="G109" t="str">
            <v>Retail - Hardlines</v>
          </cell>
        </row>
        <row r="110">
          <cell r="E110" t="str">
            <v>Peruvian Nuevo Sol</v>
          </cell>
          <cell r="G110" t="str">
            <v>Retail - Softlines</v>
          </cell>
        </row>
        <row r="111">
          <cell r="E111" t="str">
            <v>Peso Uruguayo</v>
          </cell>
          <cell r="G111" t="str">
            <v>Sports and Entertainment - Leagues and Sports Bodies</v>
          </cell>
        </row>
        <row r="112">
          <cell r="E112" t="str">
            <v>Philippine Peso</v>
          </cell>
          <cell r="G112" t="str">
            <v>Sports and Entertainment - Teams</v>
          </cell>
        </row>
        <row r="113">
          <cell r="E113" t="str">
            <v>Pula</v>
          </cell>
          <cell r="G113" t="str">
            <v>Telecommunications - Cable and Internet Service Provider</v>
          </cell>
        </row>
        <row r="114">
          <cell r="E114" t="str">
            <v>Qatari Rial</v>
          </cell>
          <cell r="G114" t="str">
            <v>Telecommunications - Wireless Service Provider</v>
          </cell>
        </row>
        <row r="115">
          <cell r="E115" t="str">
            <v>Quetzal</v>
          </cell>
          <cell r="G115" t="str">
            <v>Telecommunications - Wireline Service Provider</v>
          </cell>
        </row>
        <row r="116">
          <cell r="E116" t="str">
            <v>Riel</v>
          </cell>
          <cell r="G116" t="str">
            <v>Telecommunications - Wireline/ Wireless Service Provider</v>
          </cell>
        </row>
        <row r="117">
          <cell r="E117" t="str">
            <v>Rufiyaa</v>
          </cell>
          <cell r="G117" t="str">
            <v>Travel &amp; Transport: Airlines - Cargo Airlines</v>
          </cell>
        </row>
        <row r="118">
          <cell r="E118" t="str">
            <v xml:space="preserve">Russian Ruble </v>
          </cell>
          <cell r="G118" t="str">
            <v>Travel &amp; Transport: Airlines - Passenger Airlines</v>
          </cell>
        </row>
        <row r="119">
          <cell r="E119" t="str">
            <v>Rwanda Franc</v>
          </cell>
          <cell r="G119" t="str">
            <v>Travel &amp; Transport: Hospitality - Catering</v>
          </cell>
        </row>
        <row r="120">
          <cell r="E120" t="str">
            <v>Saudi Riyal</v>
          </cell>
          <cell r="G120" t="str">
            <v>Travel &amp; Transport: Hospitality - Entertainment (Spas, Casinos, Theme Parks)</v>
          </cell>
        </row>
        <row r="121">
          <cell r="E121" t="str">
            <v>Serbian Dinar</v>
          </cell>
          <cell r="G121" t="str">
            <v>Travel &amp; Transport: Hospitality - Hotels/ Motels</v>
          </cell>
        </row>
        <row r="122">
          <cell r="E122" t="str">
            <v>Seychelles Rupee</v>
          </cell>
          <cell r="G122" t="str">
            <v>Travel &amp; Transport: Hospitality - Restaurants</v>
          </cell>
        </row>
        <row r="123">
          <cell r="E123" t="str">
            <v>Singapore Dollar</v>
          </cell>
          <cell r="G123" t="str">
            <v>Travel &amp; Transport: Hospitality - Travel Agencies</v>
          </cell>
        </row>
        <row r="124">
          <cell r="E124" t="str">
            <v>Slovak Koruna</v>
          </cell>
          <cell r="G124" t="str">
            <v>Travel &amp; Transport: Logistics - Courier Providers</v>
          </cell>
        </row>
        <row r="125">
          <cell r="E125" t="str">
            <v>Solomon Islands Dollar</v>
          </cell>
          <cell r="G125" t="str">
            <v>Travel &amp; Transport: Logistics - Freight Providers</v>
          </cell>
        </row>
        <row r="126">
          <cell r="E126" t="str">
            <v>Som</v>
          </cell>
          <cell r="G126" t="str">
            <v>Travel &amp; Transport: Logistics - Infrastructure Providers</v>
          </cell>
        </row>
        <row r="127">
          <cell r="E127" t="str">
            <v>Somali Shilling</v>
          </cell>
          <cell r="G127" t="str">
            <v>Travel &amp; Transport: Logistics - Ocean Carriers</v>
          </cell>
        </row>
        <row r="128">
          <cell r="E128" t="str">
            <v>Somoni</v>
          </cell>
          <cell r="G128" t="str">
            <v>Travel &amp; Transport: Logistics - Third-Party Logistics Providers</v>
          </cell>
        </row>
        <row r="129">
          <cell r="E129" t="str">
            <v>South African Rand</v>
          </cell>
          <cell r="G129" t="str">
            <v>Travel &amp; Transport: Logistics - Trucking Companies</v>
          </cell>
        </row>
        <row r="130">
          <cell r="E130" t="str">
            <v>South Korean Won</v>
          </cell>
          <cell r="G130" t="str">
            <v>Travel &amp; Transport: Railways - Freight</v>
          </cell>
        </row>
        <row r="131">
          <cell r="E131" t="str">
            <v>Sri Lankan Rupee</v>
          </cell>
          <cell r="G131" t="str">
            <v>Travel &amp; Transport: Railways - Infrastructure</v>
          </cell>
        </row>
        <row r="132">
          <cell r="E132" t="str">
            <v>Sudanese Pound</v>
          </cell>
          <cell r="G132" t="str">
            <v>Travel &amp; Transport: Railways - Metropolitan</v>
          </cell>
        </row>
        <row r="133">
          <cell r="E133" t="str">
            <v>Surinam Dollar</v>
          </cell>
          <cell r="G133" t="str">
            <v>Travel &amp; Transport: Railways - Passenger</v>
          </cell>
        </row>
        <row r="134">
          <cell r="E134" t="str">
            <v>Swedish Krona</v>
          </cell>
          <cell r="G134" t="str">
            <v>Utilities - Generation</v>
          </cell>
        </row>
        <row r="135">
          <cell r="E135" t="str">
            <v>Swiss Franc</v>
          </cell>
          <cell r="G135" t="str">
            <v>Utilities - Investor-Owned Utilities</v>
          </cell>
        </row>
        <row r="136">
          <cell r="E136" t="str">
            <v>Syrian Pound</v>
          </cell>
          <cell r="G136" t="str">
            <v>Utilities - Municipal/ Public Utilities</v>
          </cell>
        </row>
        <row r="137">
          <cell r="E137" t="str">
            <v>Taiwan Dollar</v>
          </cell>
          <cell r="G137" t="str">
            <v>Utilities - Natural Gas</v>
          </cell>
        </row>
        <row r="138">
          <cell r="E138" t="str">
            <v>Taka</v>
          </cell>
          <cell r="G138" t="str">
            <v>Utilities - Retail</v>
          </cell>
        </row>
        <row r="139">
          <cell r="E139" t="str">
            <v>Tala</v>
          </cell>
          <cell r="G139" t="str">
            <v>Utilities - Transmission and Distribution</v>
          </cell>
        </row>
        <row r="140">
          <cell r="E140" t="str">
            <v>Tanzanian Shilling</v>
          </cell>
          <cell r="G140" t="str">
            <v>Utilities - Waste and Recycling</v>
          </cell>
        </row>
        <row r="141">
          <cell r="E141" t="str">
            <v>Tenge</v>
          </cell>
          <cell r="G141" t="str">
            <v>Utilities - Water</v>
          </cell>
        </row>
        <row r="142">
          <cell r="E142" t="str">
            <v>Thai Baht</v>
          </cell>
          <cell r="G142" t="str">
            <v>Wholesale Distribution - Food Services/ Grocery</v>
          </cell>
        </row>
        <row r="143">
          <cell r="E143" t="str">
            <v>Trinidad and Tobago Dollar</v>
          </cell>
          <cell r="G143" t="str">
            <v>Wholesale Distribution - Healthcare</v>
          </cell>
        </row>
        <row r="144">
          <cell r="E144" t="str">
            <v>Tugrik</v>
          </cell>
          <cell r="G144" t="str">
            <v>Wholesale Distribution - High Tech</v>
          </cell>
        </row>
        <row r="145">
          <cell r="E145" t="str">
            <v>Tunisian Dinar</v>
          </cell>
          <cell r="G145" t="str">
            <v>Wholesale Distribution - Industrial</v>
          </cell>
        </row>
        <row r="146">
          <cell r="E146" t="str">
            <v>Turkish Lira</v>
          </cell>
          <cell r="G146" t="str">
            <v>Other - Others</v>
          </cell>
        </row>
        <row r="147">
          <cell r="E147" t="str">
            <v>UAE Dirham</v>
          </cell>
        </row>
        <row r="148">
          <cell r="E148" t="str">
            <v>Uganda Shilling</v>
          </cell>
        </row>
        <row r="149">
          <cell r="E149" t="str">
            <v>Uzbekistan Sum</v>
          </cell>
        </row>
        <row r="150">
          <cell r="E150" t="str">
            <v>Vatu</v>
          </cell>
        </row>
        <row r="151">
          <cell r="E151" t="str">
            <v>Yemeni Rial</v>
          </cell>
        </row>
        <row r="152">
          <cell r="E152" t="str">
            <v>Zambian Kwacha</v>
          </cell>
        </row>
        <row r="153">
          <cell r="E153" t="str">
            <v>Zimbabwe Dollar</v>
          </cell>
        </row>
        <row r="154">
          <cell r="E154" t="str">
            <v>Zloty</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pply Chain Deep Dive"/>
      <sheetName val="T&amp;C"/>
      <sheetName val="Library"/>
    </sheetNames>
    <sheetDataSet>
      <sheetData sheetId="0"/>
      <sheetData sheetId="1"/>
      <sheetData sheetId="2"/>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N238"/>
  <sheetViews>
    <sheetView tabSelected="1" zoomScale="83" zoomScaleNormal="83" zoomScaleSheetLayoutView="70" workbookViewId="0"/>
  </sheetViews>
  <sheetFormatPr defaultColWidth="9.1796875" defaultRowHeight="14.5" x14ac:dyDescent="0.35"/>
  <cols>
    <col min="1" max="1" width="5.81640625" style="1" customWidth="1"/>
    <col min="2" max="2" width="30.1796875" style="1" customWidth="1"/>
    <col min="3" max="3" width="25.26953125" style="1" customWidth="1"/>
    <col min="4" max="4" width="28.1796875" style="1" customWidth="1"/>
    <col min="5" max="5" width="27.7265625" style="1" customWidth="1"/>
    <col min="6" max="6" width="28.81640625" style="1" customWidth="1"/>
    <col min="7" max="7" width="15.7265625" style="1" customWidth="1"/>
    <col min="8" max="8" width="17.1796875" style="1" customWidth="1"/>
    <col min="9" max="16384" width="9.1796875" style="1"/>
  </cols>
  <sheetData>
    <row r="1" spans="1:9" x14ac:dyDescent="0.35">
      <c r="A1" s="6"/>
      <c r="B1" s="29"/>
      <c r="C1" s="29"/>
      <c r="D1" s="29"/>
      <c r="E1" s="29"/>
      <c r="F1" s="29"/>
    </row>
    <row r="2" spans="1:9" ht="18" x14ac:dyDescent="0.35">
      <c r="A2" s="6"/>
      <c r="B2" s="114" t="s">
        <v>394</v>
      </c>
      <c r="C2" s="114"/>
      <c r="D2" s="114"/>
      <c r="E2" s="114"/>
      <c r="F2" s="114"/>
      <c r="G2" s="114"/>
      <c r="H2" s="114"/>
    </row>
    <row r="3" spans="1:9" ht="15.5" x14ac:dyDescent="0.35">
      <c r="A3" s="30"/>
      <c r="B3" s="31"/>
      <c r="C3" s="31"/>
      <c r="D3" s="31"/>
      <c r="E3" s="31"/>
      <c r="F3" s="31"/>
    </row>
    <row r="4" spans="1:9" ht="278.14999999999998" customHeight="1" x14ac:dyDescent="0.35">
      <c r="A4" s="30"/>
      <c r="B4" s="116" t="s">
        <v>686</v>
      </c>
      <c r="C4" s="117"/>
      <c r="D4" s="117"/>
      <c r="E4" s="117"/>
      <c r="F4" s="117"/>
      <c r="G4" s="117"/>
      <c r="H4" s="118"/>
    </row>
    <row r="5" spans="1:9" x14ac:dyDescent="0.35">
      <c r="A5" s="30"/>
      <c r="B5" s="32"/>
      <c r="C5" s="32"/>
      <c r="D5" s="32"/>
      <c r="E5" s="32"/>
      <c r="F5" s="32"/>
    </row>
    <row r="6" spans="1:9" ht="22.9" customHeight="1" x14ac:dyDescent="0.35">
      <c r="A6" s="30"/>
      <c r="B6" s="116" t="s">
        <v>0</v>
      </c>
      <c r="C6" s="117"/>
      <c r="D6" s="117"/>
      <c r="E6" s="117"/>
      <c r="F6" s="117"/>
      <c r="G6" s="117"/>
      <c r="H6" s="118"/>
    </row>
    <row r="7" spans="1:9" x14ac:dyDescent="0.35">
      <c r="A7" s="6"/>
      <c r="B7" s="29"/>
      <c r="C7" s="29"/>
      <c r="D7" s="29"/>
      <c r="E7" s="29"/>
      <c r="F7" s="29"/>
      <c r="G7" s="8"/>
      <c r="H7" s="6"/>
      <c r="I7" s="6"/>
    </row>
    <row r="8" spans="1:9" x14ac:dyDescent="0.35">
      <c r="A8" s="8"/>
      <c r="B8" s="33"/>
      <c r="C8" s="33"/>
      <c r="D8" s="33"/>
      <c r="E8" s="33"/>
      <c r="F8" s="33"/>
      <c r="G8" s="8"/>
      <c r="H8" s="6"/>
      <c r="I8" s="8"/>
    </row>
    <row r="9" spans="1:9" ht="15.65" customHeight="1" x14ac:dyDescent="0.35">
      <c r="A9" s="34">
        <v>1</v>
      </c>
      <c r="B9" s="89" t="s">
        <v>481</v>
      </c>
      <c r="C9" s="89"/>
      <c r="D9" s="89"/>
      <c r="E9" s="89"/>
      <c r="F9" s="89"/>
      <c r="G9" s="115"/>
      <c r="H9" s="115"/>
      <c r="I9" s="8"/>
    </row>
    <row r="10" spans="1:9" x14ac:dyDescent="0.35">
      <c r="A10" s="6"/>
      <c r="B10" s="90" t="s">
        <v>433</v>
      </c>
      <c r="C10" s="91"/>
      <c r="D10" s="91"/>
      <c r="E10" s="91"/>
      <c r="F10" s="92"/>
      <c r="G10" s="81" t="s">
        <v>388</v>
      </c>
      <c r="H10" s="81"/>
      <c r="I10" s="8"/>
    </row>
    <row r="11" spans="1:9" x14ac:dyDescent="0.35">
      <c r="A11" s="6"/>
      <c r="B11" s="78" t="s">
        <v>9</v>
      </c>
      <c r="C11" s="79"/>
      <c r="D11" s="79"/>
      <c r="E11" s="79"/>
      <c r="F11" s="80"/>
      <c r="G11" s="81"/>
      <c r="H11" s="81"/>
      <c r="I11" s="8"/>
    </row>
    <row r="12" spans="1:9" x14ac:dyDescent="0.35">
      <c r="A12" s="6"/>
      <c r="B12" s="78" t="s">
        <v>695</v>
      </c>
      <c r="C12" s="79"/>
      <c r="D12" s="79"/>
      <c r="E12" s="79"/>
      <c r="F12" s="80"/>
      <c r="G12" s="81"/>
      <c r="H12" s="81"/>
      <c r="I12" s="35"/>
    </row>
    <row r="13" spans="1:9" x14ac:dyDescent="0.35">
      <c r="A13" s="6"/>
      <c r="B13" s="83" t="s">
        <v>434</v>
      </c>
      <c r="C13" s="84"/>
      <c r="D13" s="84"/>
      <c r="E13" s="84"/>
      <c r="F13" s="85"/>
      <c r="G13" s="81"/>
      <c r="H13" s="81"/>
      <c r="I13" s="8"/>
    </row>
    <row r="14" spans="1:9" x14ac:dyDescent="0.35">
      <c r="A14" s="6"/>
      <c r="B14" s="83" t="s">
        <v>517</v>
      </c>
      <c r="C14" s="84"/>
      <c r="D14" s="84"/>
      <c r="E14" s="84"/>
      <c r="F14" s="85"/>
      <c r="G14" s="81"/>
      <c r="H14" s="81"/>
      <c r="I14" s="8"/>
    </row>
    <row r="15" spans="1:9" x14ac:dyDescent="0.35">
      <c r="A15" s="6"/>
      <c r="B15" s="83" t="s">
        <v>516</v>
      </c>
      <c r="C15" s="84"/>
      <c r="D15" s="84"/>
      <c r="E15" s="84"/>
      <c r="F15" s="85"/>
      <c r="G15" s="81"/>
      <c r="H15" s="81"/>
      <c r="I15" s="8"/>
    </row>
    <row r="16" spans="1:9" x14ac:dyDescent="0.35">
      <c r="A16" s="6"/>
      <c r="B16" s="82" t="s">
        <v>389</v>
      </c>
      <c r="C16" s="82"/>
      <c r="D16" s="82"/>
      <c r="E16" s="82"/>
      <c r="F16" s="82"/>
      <c r="G16" s="37"/>
      <c r="H16" s="37"/>
      <c r="I16" s="8"/>
    </row>
    <row r="17" spans="1:9" x14ac:dyDescent="0.35">
      <c r="A17" s="6"/>
      <c r="B17" s="42"/>
      <c r="C17" s="42"/>
      <c r="D17" s="42"/>
      <c r="E17" s="42"/>
      <c r="F17" s="42"/>
      <c r="G17" s="42"/>
      <c r="H17" s="42"/>
      <c r="I17" s="8"/>
    </row>
    <row r="18" spans="1:9" ht="26.5" customHeight="1" x14ac:dyDescent="0.35">
      <c r="A18" s="6">
        <v>2</v>
      </c>
      <c r="B18" s="89" t="s">
        <v>467</v>
      </c>
      <c r="C18" s="89"/>
      <c r="D18" s="89"/>
      <c r="E18" s="89"/>
      <c r="F18" s="89"/>
      <c r="G18" s="42"/>
      <c r="H18" s="42"/>
      <c r="I18" s="8"/>
    </row>
    <row r="19" spans="1:9" x14ac:dyDescent="0.35">
      <c r="A19" s="6"/>
      <c r="B19" s="90" t="s">
        <v>433</v>
      </c>
      <c r="C19" s="91"/>
      <c r="D19" s="91"/>
      <c r="E19" s="91"/>
      <c r="F19" s="92"/>
      <c r="G19" s="81" t="s">
        <v>388</v>
      </c>
      <c r="H19" s="81"/>
      <c r="I19" s="8"/>
    </row>
    <row r="20" spans="1:9" x14ac:dyDescent="0.35">
      <c r="A20" s="6"/>
      <c r="B20" s="83" t="s">
        <v>393</v>
      </c>
      <c r="C20" s="84"/>
      <c r="D20" s="84"/>
      <c r="E20" s="84"/>
      <c r="F20" s="85"/>
      <c r="G20" s="81"/>
      <c r="H20" s="81"/>
      <c r="I20" s="8"/>
    </row>
    <row r="21" spans="1:9" ht="14.5" customHeight="1" x14ac:dyDescent="0.35">
      <c r="A21" s="6"/>
      <c r="B21" s="83" t="s">
        <v>488</v>
      </c>
      <c r="C21" s="84"/>
      <c r="D21" s="84"/>
      <c r="E21" s="84"/>
      <c r="F21" s="85"/>
      <c r="G21" s="81"/>
      <c r="H21" s="81"/>
      <c r="I21" s="8"/>
    </row>
    <row r="22" spans="1:9" x14ac:dyDescent="0.35">
      <c r="A22" s="6"/>
      <c r="B22" s="82" t="s">
        <v>389</v>
      </c>
      <c r="C22" s="82"/>
      <c r="D22" s="82"/>
      <c r="E22" s="82"/>
      <c r="F22" s="82"/>
      <c r="G22" s="37"/>
      <c r="H22" s="37"/>
      <c r="I22" s="8"/>
    </row>
    <row r="23" spans="1:9" x14ac:dyDescent="0.35">
      <c r="A23" s="6"/>
      <c r="B23" s="42"/>
      <c r="C23" s="42"/>
      <c r="D23" s="42"/>
      <c r="E23" s="42"/>
      <c r="F23" s="42"/>
      <c r="G23" s="42"/>
      <c r="H23" s="42"/>
      <c r="I23" s="8"/>
    </row>
    <row r="24" spans="1:9" ht="21" customHeight="1" x14ac:dyDescent="0.35">
      <c r="A24" s="6">
        <v>3</v>
      </c>
      <c r="B24" s="89" t="s">
        <v>468</v>
      </c>
      <c r="C24" s="89"/>
      <c r="D24" s="89"/>
      <c r="E24" s="89"/>
      <c r="F24" s="89"/>
      <c r="G24" s="42"/>
      <c r="H24" s="42"/>
      <c r="I24" s="8"/>
    </row>
    <row r="25" spans="1:9" x14ac:dyDescent="0.35">
      <c r="A25" s="6"/>
      <c r="B25" s="90" t="s">
        <v>433</v>
      </c>
      <c r="C25" s="91"/>
      <c r="D25" s="91"/>
      <c r="E25" s="91"/>
      <c r="F25" s="92"/>
      <c r="G25" s="81" t="s">
        <v>388</v>
      </c>
      <c r="H25" s="81"/>
      <c r="I25" s="8"/>
    </row>
    <row r="26" spans="1:9" ht="12.75" customHeight="1" x14ac:dyDescent="0.35">
      <c r="A26" s="6"/>
      <c r="B26" s="83" t="s">
        <v>489</v>
      </c>
      <c r="C26" s="84"/>
      <c r="D26" s="84"/>
      <c r="E26" s="84"/>
      <c r="F26" s="85"/>
      <c r="G26" s="81"/>
      <c r="H26" s="81"/>
      <c r="I26" s="8"/>
    </row>
    <row r="27" spans="1:9" ht="12.75" customHeight="1" x14ac:dyDescent="0.35">
      <c r="A27" s="6"/>
      <c r="B27" s="83" t="s">
        <v>491</v>
      </c>
      <c r="C27" s="84"/>
      <c r="D27" s="84"/>
      <c r="E27" s="84"/>
      <c r="F27" s="85"/>
      <c r="G27" s="81"/>
      <c r="H27" s="81"/>
      <c r="I27" s="8"/>
    </row>
    <row r="28" spans="1:9" x14ac:dyDescent="0.35">
      <c r="A28" s="6"/>
      <c r="B28" s="82" t="s">
        <v>389</v>
      </c>
      <c r="C28" s="82"/>
      <c r="D28" s="82"/>
      <c r="E28" s="82"/>
      <c r="F28" s="82"/>
      <c r="G28" s="37"/>
      <c r="H28" s="37"/>
      <c r="I28" s="8"/>
    </row>
    <row r="29" spans="1:9" x14ac:dyDescent="0.35">
      <c r="A29" s="6"/>
      <c r="B29" s="42"/>
      <c r="C29" s="42"/>
      <c r="D29" s="42"/>
      <c r="E29" s="42"/>
      <c r="F29" s="42"/>
      <c r="G29" s="42"/>
      <c r="H29" s="42"/>
      <c r="I29" s="8"/>
    </row>
    <row r="30" spans="1:9" ht="22.9" customHeight="1" x14ac:dyDescent="0.35">
      <c r="A30" s="6">
        <v>4</v>
      </c>
      <c r="B30" s="89" t="s">
        <v>472</v>
      </c>
      <c r="C30" s="89"/>
      <c r="D30" s="89"/>
      <c r="E30" s="89"/>
      <c r="F30" s="89"/>
      <c r="G30" s="42"/>
      <c r="H30" s="42"/>
      <c r="I30" s="8"/>
    </row>
    <row r="31" spans="1:9" x14ac:dyDescent="0.35">
      <c r="A31" s="6"/>
      <c r="B31" s="90" t="s">
        <v>433</v>
      </c>
      <c r="C31" s="91"/>
      <c r="D31" s="91"/>
      <c r="E31" s="91"/>
      <c r="F31" s="92"/>
      <c r="G31" s="81" t="s">
        <v>388</v>
      </c>
      <c r="H31" s="81"/>
      <c r="I31" s="8"/>
    </row>
    <row r="32" spans="1:9" ht="12.75" customHeight="1" x14ac:dyDescent="0.35">
      <c r="A32" s="6"/>
      <c r="B32" s="83" t="s">
        <v>423</v>
      </c>
      <c r="C32" s="84"/>
      <c r="D32" s="84"/>
      <c r="E32" s="84"/>
      <c r="F32" s="85"/>
      <c r="G32" s="81"/>
      <c r="H32" s="81"/>
      <c r="I32" s="8"/>
    </row>
    <row r="33" spans="1:9" x14ac:dyDescent="0.35">
      <c r="A33" s="6"/>
      <c r="B33" s="86" t="s">
        <v>424</v>
      </c>
      <c r="C33" s="87"/>
      <c r="D33" s="87"/>
      <c r="E33" s="87"/>
      <c r="F33" s="88"/>
      <c r="G33" s="81"/>
      <c r="H33" s="81"/>
      <c r="I33" s="8"/>
    </row>
    <row r="34" spans="1:9" x14ac:dyDescent="0.35">
      <c r="A34" s="6"/>
      <c r="B34" s="83" t="s">
        <v>425</v>
      </c>
      <c r="C34" s="84"/>
      <c r="D34" s="84"/>
      <c r="E34" s="84"/>
      <c r="F34" s="85"/>
      <c r="G34" s="81"/>
      <c r="H34" s="81"/>
      <c r="I34" s="8"/>
    </row>
    <row r="35" spans="1:9" x14ac:dyDescent="0.35">
      <c r="A35" s="6"/>
      <c r="B35" s="82" t="s">
        <v>389</v>
      </c>
      <c r="C35" s="82"/>
      <c r="D35" s="82"/>
      <c r="E35" s="82"/>
      <c r="F35" s="82"/>
      <c r="G35" s="42"/>
      <c r="H35" s="42"/>
      <c r="I35" s="8"/>
    </row>
    <row r="36" spans="1:9" x14ac:dyDescent="0.35">
      <c r="A36" s="6"/>
      <c r="B36" s="42"/>
      <c r="C36" s="42"/>
      <c r="D36" s="42"/>
      <c r="E36" s="42"/>
      <c r="F36" s="42"/>
      <c r="G36" s="37"/>
      <c r="H36" s="37"/>
      <c r="I36" s="8"/>
    </row>
    <row r="37" spans="1:9" ht="22.9" customHeight="1" x14ac:dyDescent="0.35">
      <c r="A37" s="6">
        <v>5</v>
      </c>
      <c r="B37" s="89" t="s">
        <v>469</v>
      </c>
      <c r="C37" s="89"/>
      <c r="D37" s="89"/>
      <c r="E37" s="89"/>
      <c r="F37" s="89"/>
      <c r="G37" s="42"/>
      <c r="H37" s="42"/>
      <c r="I37" s="8"/>
    </row>
    <row r="38" spans="1:9" x14ac:dyDescent="0.35">
      <c r="A38" s="6"/>
      <c r="B38" s="90" t="s">
        <v>433</v>
      </c>
      <c r="C38" s="91"/>
      <c r="D38" s="91"/>
      <c r="E38" s="91"/>
      <c r="F38" s="92"/>
      <c r="G38" s="81" t="s">
        <v>388</v>
      </c>
      <c r="H38" s="81"/>
      <c r="I38" s="8"/>
    </row>
    <row r="39" spans="1:9" x14ac:dyDescent="0.35">
      <c r="A39" s="6"/>
      <c r="B39" s="86" t="s">
        <v>490</v>
      </c>
      <c r="C39" s="87"/>
      <c r="D39" s="87"/>
      <c r="E39" s="87"/>
      <c r="F39" s="88"/>
      <c r="G39" s="81"/>
      <c r="H39" s="81"/>
      <c r="I39" s="8"/>
    </row>
    <row r="40" spans="1:9" x14ac:dyDescent="0.35">
      <c r="A40" s="6"/>
      <c r="B40" s="86" t="s">
        <v>443</v>
      </c>
      <c r="C40" s="87"/>
      <c r="D40" s="87"/>
      <c r="E40" s="87"/>
      <c r="F40" s="88"/>
      <c r="G40" s="81"/>
      <c r="H40" s="81"/>
      <c r="I40" s="8"/>
    </row>
    <row r="41" spans="1:9" x14ac:dyDescent="0.35">
      <c r="A41" s="6"/>
      <c r="B41" s="82" t="s">
        <v>389</v>
      </c>
      <c r="C41" s="82"/>
      <c r="D41" s="82"/>
      <c r="E41" s="82"/>
      <c r="F41" s="82"/>
      <c r="G41" s="37"/>
      <c r="H41" s="37"/>
      <c r="I41" s="8"/>
    </row>
    <row r="42" spans="1:9" x14ac:dyDescent="0.35">
      <c r="A42" s="6"/>
      <c r="B42" s="42"/>
      <c r="C42" s="42"/>
      <c r="D42" s="42"/>
      <c r="E42" s="42"/>
      <c r="F42" s="42"/>
      <c r="G42" s="42"/>
      <c r="H42" s="42"/>
      <c r="I42" s="8"/>
    </row>
    <row r="43" spans="1:9" ht="22.9" customHeight="1" x14ac:dyDescent="0.35">
      <c r="A43" s="6">
        <v>6</v>
      </c>
      <c r="B43" s="89" t="s">
        <v>515</v>
      </c>
      <c r="C43" s="89"/>
      <c r="D43" s="89"/>
      <c r="E43" s="89"/>
      <c r="F43" s="89"/>
      <c r="G43" s="42"/>
      <c r="H43" s="42"/>
      <c r="I43" s="8"/>
    </row>
    <row r="44" spans="1:9" x14ac:dyDescent="0.35">
      <c r="A44" s="6"/>
      <c r="B44" s="90" t="s">
        <v>433</v>
      </c>
      <c r="C44" s="91"/>
      <c r="D44" s="91"/>
      <c r="E44" s="91"/>
      <c r="F44" s="92"/>
      <c r="G44" s="81" t="s">
        <v>388</v>
      </c>
      <c r="H44" s="81"/>
      <c r="I44" s="8"/>
    </row>
    <row r="45" spans="1:9" x14ac:dyDescent="0.35">
      <c r="A45" s="6"/>
      <c r="B45" s="86" t="s">
        <v>519</v>
      </c>
      <c r="C45" s="87"/>
      <c r="D45" s="87"/>
      <c r="E45" s="87"/>
      <c r="F45" s="88"/>
      <c r="G45" s="81"/>
      <c r="H45" s="81"/>
      <c r="I45" s="8"/>
    </row>
    <row r="46" spans="1:9" x14ac:dyDescent="0.35">
      <c r="A46" s="6"/>
      <c r="B46" s="86" t="s">
        <v>520</v>
      </c>
      <c r="C46" s="87"/>
      <c r="D46" s="87"/>
      <c r="E46" s="87"/>
      <c r="F46" s="88"/>
      <c r="G46" s="81"/>
      <c r="H46" s="81"/>
      <c r="I46" s="8"/>
    </row>
    <row r="47" spans="1:9" x14ac:dyDescent="0.35">
      <c r="A47" s="6"/>
      <c r="B47" s="82" t="s">
        <v>389</v>
      </c>
      <c r="C47" s="82"/>
      <c r="D47" s="82"/>
      <c r="E47" s="82"/>
      <c r="F47" s="82"/>
      <c r="G47" s="42"/>
      <c r="H47" s="42"/>
      <c r="I47" s="8"/>
    </row>
    <row r="48" spans="1:9" x14ac:dyDescent="0.35">
      <c r="I48" s="8"/>
    </row>
    <row r="49" spans="1:9" ht="22.9" customHeight="1" x14ac:dyDescent="0.35">
      <c r="A49" s="6">
        <v>7</v>
      </c>
      <c r="B49" s="89" t="s">
        <v>484</v>
      </c>
      <c r="C49" s="89"/>
      <c r="D49" s="89"/>
      <c r="E49" s="89"/>
      <c r="F49" s="89"/>
      <c r="G49" s="42"/>
      <c r="H49" s="42"/>
      <c r="I49" s="8"/>
    </row>
    <row r="50" spans="1:9" x14ac:dyDescent="0.35">
      <c r="A50" s="6"/>
      <c r="B50" s="90" t="s">
        <v>433</v>
      </c>
      <c r="C50" s="91"/>
      <c r="D50" s="91"/>
      <c r="E50" s="91"/>
      <c r="F50" s="92"/>
      <c r="G50" s="81" t="s">
        <v>388</v>
      </c>
      <c r="H50" s="81"/>
      <c r="I50" s="8"/>
    </row>
    <row r="51" spans="1:9" x14ac:dyDescent="0.35">
      <c r="A51" s="6"/>
      <c r="B51" s="86" t="s">
        <v>696</v>
      </c>
      <c r="C51" s="87"/>
      <c r="D51" s="87"/>
      <c r="E51" s="87"/>
      <c r="F51" s="88"/>
      <c r="G51" s="81"/>
      <c r="H51" s="81"/>
      <c r="I51" s="8"/>
    </row>
    <row r="52" spans="1:9" x14ac:dyDescent="0.35">
      <c r="A52" s="6"/>
      <c r="B52" s="82" t="s">
        <v>389</v>
      </c>
      <c r="C52" s="82"/>
      <c r="D52" s="82"/>
      <c r="E52" s="82"/>
      <c r="F52" s="82"/>
      <c r="G52" s="42"/>
      <c r="H52" s="42"/>
      <c r="I52" s="8"/>
    </row>
    <row r="53" spans="1:9" x14ac:dyDescent="0.35">
      <c r="I53" s="8"/>
    </row>
    <row r="54" spans="1:9" ht="22.9" customHeight="1" x14ac:dyDescent="0.35">
      <c r="A54" s="6">
        <v>8</v>
      </c>
      <c r="B54" s="89" t="s">
        <v>470</v>
      </c>
      <c r="C54" s="89"/>
      <c r="D54" s="89"/>
      <c r="E54" s="89"/>
      <c r="F54" s="89"/>
      <c r="G54" s="42"/>
      <c r="H54" s="42"/>
      <c r="I54" s="8"/>
    </row>
    <row r="55" spans="1:9" x14ac:dyDescent="0.35">
      <c r="A55" s="6"/>
      <c r="B55" s="90" t="s">
        <v>433</v>
      </c>
      <c r="C55" s="91"/>
      <c r="D55" s="91"/>
      <c r="E55" s="91"/>
      <c r="F55" s="92"/>
      <c r="G55" s="81" t="s">
        <v>388</v>
      </c>
      <c r="H55" s="81"/>
      <c r="I55" s="8"/>
    </row>
    <row r="56" spans="1:9" x14ac:dyDescent="0.35">
      <c r="A56" s="6"/>
      <c r="B56" s="86" t="s">
        <v>492</v>
      </c>
      <c r="C56" s="87"/>
      <c r="D56" s="87"/>
      <c r="E56" s="87"/>
      <c r="F56" s="88"/>
      <c r="G56" s="81"/>
      <c r="H56" s="81"/>
      <c r="I56" s="8"/>
    </row>
    <row r="57" spans="1:9" x14ac:dyDescent="0.35">
      <c r="A57" s="6"/>
      <c r="B57" s="82" t="s">
        <v>389</v>
      </c>
      <c r="C57" s="82"/>
      <c r="D57" s="82"/>
      <c r="E57" s="82"/>
      <c r="F57" s="82"/>
      <c r="G57" s="42"/>
      <c r="H57" s="42"/>
      <c r="I57" s="8"/>
    </row>
    <row r="58" spans="1:9" x14ac:dyDescent="0.35">
      <c r="I58" s="8"/>
    </row>
    <row r="59" spans="1:9" ht="22.9" customHeight="1" x14ac:dyDescent="0.35">
      <c r="A59" s="6">
        <v>9</v>
      </c>
      <c r="B59" s="89" t="s">
        <v>471</v>
      </c>
      <c r="C59" s="89"/>
      <c r="D59" s="89"/>
      <c r="E59" s="89"/>
      <c r="F59" s="89"/>
      <c r="G59" s="42"/>
      <c r="H59" s="42"/>
      <c r="I59" s="8"/>
    </row>
    <row r="60" spans="1:9" x14ac:dyDescent="0.35">
      <c r="A60" s="6"/>
      <c r="B60" s="90" t="s">
        <v>433</v>
      </c>
      <c r="C60" s="91"/>
      <c r="D60" s="91"/>
      <c r="E60" s="91"/>
      <c r="F60" s="92"/>
      <c r="G60" s="81" t="s">
        <v>388</v>
      </c>
      <c r="H60" s="81"/>
      <c r="I60" s="8"/>
    </row>
    <row r="61" spans="1:9" x14ac:dyDescent="0.35">
      <c r="A61" s="6"/>
      <c r="B61" s="86" t="s">
        <v>518</v>
      </c>
      <c r="C61" s="87"/>
      <c r="D61" s="87"/>
      <c r="E61" s="87"/>
      <c r="F61" s="88"/>
      <c r="G61" s="81"/>
      <c r="H61" s="81"/>
      <c r="I61" s="8"/>
    </row>
    <row r="62" spans="1:9" x14ac:dyDescent="0.35">
      <c r="A62" s="6"/>
      <c r="B62" s="86" t="s">
        <v>429</v>
      </c>
      <c r="C62" s="87"/>
      <c r="D62" s="87"/>
      <c r="E62" s="87"/>
      <c r="F62" s="88"/>
      <c r="G62" s="81"/>
      <c r="H62" s="81"/>
      <c r="I62" s="8"/>
    </row>
    <row r="63" spans="1:9" x14ac:dyDescent="0.35">
      <c r="A63" s="6"/>
      <c r="B63" s="82" t="s">
        <v>389</v>
      </c>
      <c r="C63" s="82"/>
      <c r="D63" s="82"/>
      <c r="E63" s="82"/>
      <c r="F63" s="82"/>
      <c r="G63" s="42"/>
      <c r="H63" s="42"/>
      <c r="I63" s="8"/>
    </row>
    <row r="64" spans="1:9" x14ac:dyDescent="0.35">
      <c r="A64" s="6"/>
      <c r="B64" s="42"/>
      <c r="C64" s="42"/>
      <c r="D64" s="42"/>
      <c r="E64" s="42"/>
      <c r="F64" s="42"/>
      <c r="G64" s="42"/>
      <c r="H64" s="42"/>
      <c r="I64" s="8"/>
    </row>
    <row r="65" spans="1:11" x14ac:dyDescent="0.35">
      <c r="A65" s="6"/>
      <c r="B65" s="42"/>
      <c r="C65" s="42"/>
      <c r="D65" s="42"/>
      <c r="E65" s="42"/>
      <c r="F65" s="42"/>
      <c r="G65" s="42"/>
      <c r="H65" s="42"/>
      <c r="I65" s="8"/>
    </row>
    <row r="66" spans="1:11" ht="17.5" customHeight="1" x14ac:dyDescent="0.35">
      <c r="A66" s="34">
        <v>10</v>
      </c>
      <c r="B66" s="105" t="s">
        <v>473</v>
      </c>
      <c r="C66" s="105"/>
      <c r="D66" s="105"/>
      <c r="E66" s="105"/>
      <c r="F66" s="105"/>
      <c r="G66" s="8"/>
      <c r="H66" s="6"/>
      <c r="I66" s="8"/>
    </row>
    <row r="67" spans="1:11" ht="21.65" customHeight="1" x14ac:dyDescent="0.35">
      <c r="A67" s="6"/>
      <c r="B67" s="3"/>
      <c r="C67" s="3"/>
      <c r="D67" s="3"/>
      <c r="E67" s="3"/>
      <c r="F67" s="3"/>
      <c r="G67" s="4" t="s">
        <v>1</v>
      </c>
      <c r="H67" s="4" t="s">
        <v>2</v>
      </c>
      <c r="I67" s="8"/>
    </row>
    <row r="68" spans="1:11" ht="21.65" customHeight="1" x14ac:dyDescent="0.35">
      <c r="A68" s="6">
        <v>10.1</v>
      </c>
      <c r="B68" s="93" t="s">
        <v>451</v>
      </c>
      <c r="C68" s="94"/>
      <c r="D68" s="94"/>
      <c r="E68" s="94"/>
      <c r="F68" s="95"/>
      <c r="G68" s="5"/>
      <c r="H68" s="5"/>
      <c r="I68" s="8"/>
    </row>
    <row r="69" spans="1:11" ht="17.5" customHeight="1" x14ac:dyDescent="0.35">
      <c r="A69" s="106" t="s">
        <v>392</v>
      </c>
      <c r="B69" s="49" t="s">
        <v>395</v>
      </c>
      <c r="C69" s="49" t="s">
        <v>396</v>
      </c>
      <c r="D69" s="49" t="s">
        <v>397</v>
      </c>
      <c r="E69" s="49" t="s">
        <v>398</v>
      </c>
      <c r="F69" s="49" t="s">
        <v>399</v>
      </c>
      <c r="G69" s="45"/>
      <c r="H69" s="46"/>
      <c r="I69" s="8"/>
    </row>
    <row r="70" spans="1:11" ht="89.25" customHeight="1" x14ac:dyDescent="0.35">
      <c r="A70" s="107"/>
      <c r="B70" s="50" t="s">
        <v>646</v>
      </c>
      <c r="C70" s="50" t="s">
        <v>647</v>
      </c>
      <c r="D70" s="50" t="s">
        <v>648</v>
      </c>
      <c r="E70" s="50" t="s">
        <v>534</v>
      </c>
      <c r="F70" s="50" t="s">
        <v>649</v>
      </c>
      <c r="G70" s="47"/>
      <c r="H70" s="48"/>
      <c r="I70" s="8"/>
    </row>
    <row r="71" spans="1:11" ht="19.899999999999999" customHeight="1" collapsed="1" x14ac:dyDescent="0.35">
      <c r="A71" s="6">
        <v>10.199999999999999</v>
      </c>
      <c r="B71" s="102" t="s">
        <v>444</v>
      </c>
      <c r="C71" s="103"/>
      <c r="D71" s="103"/>
      <c r="E71" s="103"/>
      <c r="F71" s="104"/>
      <c r="G71" s="5"/>
      <c r="H71" s="5"/>
      <c r="I71" s="8"/>
    </row>
    <row r="72" spans="1:11" ht="19.899999999999999" customHeight="1" x14ac:dyDescent="0.35">
      <c r="A72" s="106" t="s">
        <v>392</v>
      </c>
      <c r="B72" s="49" t="s">
        <v>395</v>
      </c>
      <c r="C72" s="49" t="s">
        <v>396</v>
      </c>
      <c r="D72" s="49" t="s">
        <v>397</v>
      </c>
      <c r="E72" s="49" t="s">
        <v>398</v>
      </c>
      <c r="F72" s="49" t="s">
        <v>399</v>
      </c>
      <c r="G72" s="45"/>
      <c r="H72" s="46"/>
      <c r="I72" s="8"/>
    </row>
    <row r="73" spans="1:11" ht="54.75" customHeight="1" x14ac:dyDescent="0.35">
      <c r="A73" s="107"/>
      <c r="B73" s="50" t="s">
        <v>536</v>
      </c>
      <c r="C73" s="50" t="s">
        <v>527</v>
      </c>
      <c r="D73" s="50" t="s">
        <v>528</v>
      </c>
      <c r="E73" s="50" t="s">
        <v>529</v>
      </c>
      <c r="F73" s="51" t="s">
        <v>530</v>
      </c>
      <c r="G73" s="47"/>
      <c r="H73" s="48"/>
      <c r="I73" s="8"/>
    </row>
    <row r="74" spans="1:11" ht="19.149999999999999" customHeight="1" x14ac:dyDescent="0.35">
      <c r="A74" s="6">
        <v>10.3</v>
      </c>
      <c r="B74" s="102" t="s">
        <v>430</v>
      </c>
      <c r="C74" s="103"/>
      <c r="D74" s="103"/>
      <c r="E74" s="103"/>
      <c r="F74" s="104"/>
      <c r="G74" s="5"/>
      <c r="H74" s="5"/>
      <c r="I74" s="8"/>
    </row>
    <row r="75" spans="1:11" ht="19.149999999999999" customHeight="1" x14ac:dyDescent="0.35">
      <c r="A75" s="106" t="s">
        <v>392</v>
      </c>
      <c r="B75" s="49" t="s">
        <v>395</v>
      </c>
      <c r="C75" s="49" t="s">
        <v>396</v>
      </c>
      <c r="D75" s="49" t="s">
        <v>397</v>
      </c>
      <c r="E75" s="49" t="s">
        <v>398</v>
      </c>
      <c r="F75" s="49" t="s">
        <v>399</v>
      </c>
      <c r="G75" s="45"/>
      <c r="H75" s="46"/>
      <c r="I75" s="8"/>
      <c r="J75" s="66"/>
    </row>
    <row r="76" spans="1:11" ht="67.5" customHeight="1" x14ac:dyDescent="0.35">
      <c r="A76" s="107"/>
      <c r="B76" s="50" t="s">
        <v>537</v>
      </c>
      <c r="C76" s="50" t="s">
        <v>538</v>
      </c>
      <c r="D76" s="50" t="s">
        <v>531</v>
      </c>
      <c r="E76" s="50" t="s">
        <v>535</v>
      </c>
      <c r="F76" s="51" t="s">
        <v>539</v>
      </c>
      <c r="G76" s="47"/>
      <c r="H76" s="48"/>
      <c r="I76" s="8"/>
      <c r="J76" s="2"/>
      <c r="K76" s="66"/>
    </row>
    <row r="77" spans="1:11" ht="18" customHeight="1" x14ac:dyDescent="0.35">
      <c r="A77" s="6">
        <v>10.4</v>
      </c>
      <c r="B77" s="96" t="s">
        <v>431</v>
      </c>
      <c r="C77" s="97"/>
      <c r="D77" s="97"/>
      <c r="E77" s="97"/>
      <c r="F77" s="98"/>
      <c r="G77" s="5"/>
      <c r="H77" s="5"/>
      <c r="I77" s="8"/>
    </row>
    <row r="78" spans="1:11" ht="18.649999999999999" customHeight="1" x14ac:dyDescent="0.35">
      <c r="A78" s="106" t="s">
        <v>392</v>
      </c>
      <c r="B78" s="49" t="s">
        <v>395</v>
      </c>
      <c r="C78" s="49" t="s">
        <v>396</v>
      </c>
      <c r="D78" s="49" t="s">
        <v>397</v>
      </c>
      <c r="E78" s="49" t="s">
        <v>398</v>
      </c>
      <c r="F78" s="49" t="s">
        <v>399</v>
      </c>
      <c r="G78" s="2"/>
      <c r="H78" s="46"/>
      <c r="I78" s="8"/>
    </row>
    <row r="79" spans="1:11" ht="52.5" x14ac:dyDescent="0.35">
      <c r="A79" s="107"/>
      <c r="B79" s="50" t="s">
        <v>532</v>
      </c>
      <c r="C79" s="50" t="s">
        <v>533</v>
      </c>
      <c r="D79" s="50" t="s">
        <v>542</v>
      </c>
      <c r="E79" s="50" t="s">
        <v>541</v>
      </c>
      <c r="F79" s="51" t="s">
        <v>540</v>
      </c>
      <c r="G79" s="47"/>
      <c r="H79" s="48"/>
      <c r="I79" s="8"/>
    </row>
    <row r="80" spans="1:11" ht="21.65" customHeight="1" collapsed="1" x14ac:dyDescent="0.35">
      <c r="A80" s="6">
        <v>10.5</v>
      </c>
      <c r="B80" s="96" t="s">
        <v>445</v>
      </c>
      <c r="C80" s="97"/>
      <c r="D80" s="97"/>
      <c r="E80" s="97"/>
      <c r="F80" s="98"/>
      <c r="G80" s="5"/>
      <c r="H80" s="5"/>
      <c r="I80" s="8"/>
    </row>
    <row r="81" spans="1:9" ht="21.65" customHeight="1" x14ac:dyDescent="0.35">
      <c r="A81" s="106" t="s">
        <v>392</v>
      </c>
      <c r="B81" s="49" t="s">
        <v>395</v>
      </c>
      <c r="C81" s="49" t="s">
        <v>396</v>
      </c>
      <c r="D81" s="49" t="s">
        <v>397</v>
      </c>
      <c r="E81" s="49" t="s">
        <v>398</v>
      </c>
      <c r="F81" s="49" t="s">
        <v>399</v>
      </c>
      <c r="G81" s="45"/>
      <c r="H81" s="46"/>
      <c r="I81" s="8"/>
    </row>
    <row r="82" spans="1:9" ht="63" x14ac:dyDescent="0.35">
      <c r="A82" s="107"/>
      <c r="B82" s="56" t="s">
        <v>642</v>
      </c>
      <c r="C82" s="56" t="s">
        <v>643</v>
      </c>
      <c r="D82" s="56" t="s">
        <v>543</v>
      </c>
      <c r="E82" s="56" t="s">
        <v>644</v>
      </c>
      <c r="F82" s="51" t="s">
        <v>645</v>
      </c>
      <c r="G82" s="47"/>
      <c r="H82" s="48"/>
      <c r="I82" s="8"/>
    </row>
    <row r="83" spans="1:9" collapsed="1" x14ac:dyDescent="0.35">
      <c r="A83" s="6"/>
      <c r="B83" s="41"/>
      <c r="C83" s="41"/>
      <c r="D83" s="41"/>
      <c r="E83" s="41"/>
      <c r="F83" s="41"/>
      <c r="G83" s="2"/>
      <c r="H83" s="2"/>
      <c r="I83" s="8"/>
    </row>
    <row r="84" spans="1:9" ht="16.149999999999999" customHeight="1" x14ac:dyDescent="0.35">
      <c r="A84" s="6">
        <v>11</v>
      </c>
      <c r="B84" s="105" t="s">
        <v>474</v>
      </c>
      <c r="C84" s="105"/>
      <c r="D84" s="105"/>
      <c r="E84" s="105"/>
      <c r="F84" s="105"/>
      <c r="G84" s="8"/>
      <c r="H84" s="6"/>
      <c r="I84" s="8"/>
    </row>
    <row r="85" spans="1:9" ht="16.149999999999999" customHeight="1" x14ac:dyDescent="0.35">
      <c r="A85" s="6"/>
      <c r="B85" s="61"/>
      <c r="C85" s="61"/>
      <c r="D85" s="61"/>
      <c r="E85" s="61"/>
      <c r="F85" s="61"/>
      <c r="G85" s="4" t="s">
        <v>1</v>
      </c>
      <c r="H85" s="4" t="s">
        <v>2</v>
      </c>
      <c r="I85" s="8"/>
    </row>
    <row r="86" spans="1:9" ht="21.65" customHeight="1" x14ac:dyDescent="0.35">
      <c r="A86" s="6">
        <v>11.1</v>
      </c>
      <c r="B86" s="96" t="s">
        <v>456</v>
      </c>
      <c r="C86" s="97"/>
      <c r="D86" s="97"/>
      <c r="E86" s="97"/>
      <c r="F86" s="98"/>
      <c r="G86" s="5"/>
      <c r="H86" s="5"/>
      <c r="I86" s="8"/>
    </row>
    <row r="87" spans="1:9" ht="16.899999999999999" customHeight="1" x14ac:dyDescent="0.35">
      <c r="A87" s="106" t="s">
        <v>392</v>
      </c>
      <c r="B87" s="49" t="s">
        <v>395</v>
      </c>
      <c r="C87" s="49" t="s">
        <v>396</v>
      </c>
      <c r="D87" s="49" t="s">
        <v>397</v>
      </c>
      <c r="E87" s="49" t="s">
        <v>398</v>
      </c>
      <c r="F87" s="49" t="s">
        <v>399</v>
      </c>
      <c r="G87" s="45"/>
      <c r="H87" s="46"/>
      <c r="I87" s="8"/>
    </row>
    <row r="88" spans="1:9" ht="31.5" x14ac:dyDescent="0.35">
      <c r="A88" s="107"/>
      <c r="B88" s="50" t="s">
        <v>544</v>
      </c>
      <c r="C88" s="50" t="s">
        <v>545</v>
      </c>
      <c r="D88" s="50" t="s">
        <v>546</v>
      </c>
      <c r="E88" s="50" t="s">
        <v>547</v>
      </c>
      <c r="F88" s="51" t="s">
        <v>548</v>
      </c>
      <c r="G88" s="47"/>
      <c r="H88" s="48"/>
      <c r="I88" s="8"/>
    </row>
    <row r="89" spans="1:9" ht="18.649999999999999" customHeight="1" collapsed="1" x14ac:dyDescent="0.35">
      <c r="A89" s="6">
        <v>11.2</v>
      </c>
      <c r="B89" s="102" t="s">
        <v>401</v>
      </c>
      <c r="C89" s="103"/>
      <c r="D89" s="103"/>
      <c r="E89" s="103"/>
      <c r="F89" s="104"/>
      <c r="G89" s="44"/>
      <c r="H89" s="44"/>
      <c r="I89" s="8"/>
    </row>
    <row r="90" spans="1:9" ht="18.649999999999999" customHeight="1" x14ac:dyDescent="0.35">
      <c r="A90" s="106" t="s">
        <v>392</v>
      </c>
      <c r="B90" s="49" t="s">
        <v>395</v>
      </c>
      <c r="C90" s="49" t="s">
        <v>396</v>
      </c>
      <c r="D90" s="49" t="s">
        <v>397</v>
      </c>
      <c r="E90" s="49" t="s">
        <v>398</v>
      </c>
      <c r="F90" s="49" t="s">
        <v>399</v>
      </c>
      <c r="G90" s="45"/>
      <c r="H90" s="46"/>
      <c r="I90" s="8"/>
    </row>
    <row r="91" spans="1:9" ht="42" x14ac:dyDescent="0.35">
      <c r="A91" s="107"/>
      <c r="B91" s="50" t="s">
        <v>549</v>
      </c>
      <c r="C91" s="50" t="s">
        <v>638</v>
      </c>
      <c r="D91" s="50" t="s">
        <v>639</v>
      </c>
      <c r="E91" s="50" t="s">
        <v>640</v>
      </c>
      <c r="F91" s="50" t="s">
        <v>550</v>
      </c>
      <c r="G91" s="47"/>
      <c r="H91" s="48"/>
      <c r="I91" s="8"/>
    </row>
    <row r="92" spans="1:9" ht="19.149999999999999" customHeight="1" collapsed="1" x14ac:dyDescent="0.35">
      <c r="A92" s="6">
        <v>11.3</v>
      </c>
      <c r="B92" s="93" t="s">
        <v>432</v>
      </c>
      <c r="C92" s="94"/>
      <c r="D92" s="94"/>
      <c r="E92" s="94"/>
      <c r="F92" s="95"/>
      <c r="G92" s="44"/>
      <c r="H92" s="44"/>
      <c r="I92" s="8"/>
    </row>
    <row r="93" spans="1:9" ht="12" customHeight="1" x14ac:dyDescent="0.35">
      <c r="A93" s="106" t="s">
        <v>392</v>
      </c>
      <c r="B93" s="49" t="s">
        <v>395</v>
      </c>
      <c r="C93" s="49" t="s">
        <v>396</v>
      </c>
      <c r="D93" s="49" t="s">
        <v>397</v>
      </c>
      <c r="E93" s="49" t="s">
        <v>398</v>
      </c>
      <c r="F93" s="49" t="s">
        <v>399</v>
      </c>
      <c r="G93" s="45"/>
      <c r="H93" s="46"/>
      <c r="I93" s="8"/>
    </row>
    <row r="94" spans="1:9" ht="46.15" customHeight="1" x14ac:dyDescent="0.35">
      <c r="A94" s="107"/>
      <c r="B94" s="50" t="s">
        <v>551</v>
      </c>
      <c r="C94" s="50" t="s">
        <v>552</v>
      </c>
      <c r="D94" s="50" t="s">
        <v>553</v>
      </c>
      <c r="E94" s="50" t="s">
        <v>641</v>
      </c>
      <c r="F94" s="51" t="s">
        <v>554</v>
      </c>
      <c r="G94" s="52"/>
      <c r="H94" s="48"/>
      <c r="I94" s="8"/>
    </row>
    <row r="95" spans="1:9" ht="24" customHeight="1" collapsed="1" x14ac:dyDescent="0.35">
      <c r="A95" s="6">
        <v>11.4</v>
      </c>
      <c r="B95" s="93" t="s">
        <v>452</v>
      </c>
      <c r="C95" s="94"/>
      <c r="D95" s="94"/>
      <c r="E95" s="94"/>
      <c r="F95" s="95"/>
      <c r="G95" s="44"/>
      <c r="H95" s="44"/>
      <c r="I95" s="8"/>
    </row>
    <row r="96" spans="1:9" ht="11.5" customHeight="1" x14ac:dyDescent="0.35">
      <c r="A96" s="106" t="s">
        <v>392</v>
      </c>
      <c r="B96" s="49" t="s">
        <v>395</v>
      </c>
      <c r="C96" s="49" t="s">
        <v>396</v>
      </c>
      <c r="D96" s="49" t="s">
        <v>397</v>
      </c>
      <c r="E96" s="49" t="s">
        <v>398</v>
      </c>
      <c r="F96" s="49" t="s">
        <v>399</v>
      </c>
      <c r="G96" s="45"/>
      <c r="H96" s="46"/>
      <c r="I96" s="8"/>
    </row>
    <row r="97" spans="1:9" ht="52.5" x14ac:dyDescent="0.35">
      <c r="A97" s="107"/>
      <c r="B97" s="50" t="s">
        <v>650</v>
      </c>
      <c r="C97" s="50" t="s">
        <v>555</v>
      </c>
      <c r="D97" s="50" t="s">
        <v>556</v>
      </c>
      <c r="E97" s="50" t="s">
        <v>557</v>
      </c>
      <c r="F97" s="51" t="s">
        <v>539</v>
      </c>
      <c r="G97" s="47"/>
      <c r="H97" s="48"/>
      <c r="I97" s="8"/>
    </row>
    <row r="98" spans="1:9" ht="22.15" customHeight="1" collapsed="1" x14ac:dyDescent="0.35">
      <c r="A98" s="6">
        <v>11.5</v>
      </c>
      <c r="B98" s="93" t="s">
        <v>449</v>
      </c>
      <c r="C98" s="94"/>
      <c r="D98" s="94"/>
      <c r="E98" s="94"/>
      <c r="F98" s="95"/>
      <c r="G98" s="44"/>
      <c r="H98" s="44"/>
      <c r="I98" s="8"/>
    </row>
    <row r="99" spans="1:9" ht="16.149999999999999" customHeight="1" x14ac:dyDescent="0.35">
      <c r="A99" s="106" t="s">
        <v>392</v>
      </c>
      <c r="B99" s="49" t="s">
        <v>395</v>
      </c>
      <c r="C99" s="49" t="s">
        <v>396</v>
      </c>
      <c r="D99" s="49" t="s">
        <v>397</v>
      </c>
      <c r="E99" s="49" t="s">
        <v>398</v>
      </c>
      <c r="F99" s="49" t="s">
        <v>399</v>
      </c>
      <c r="G99" s="45"/>
      <c r="H99" s="46"/>
      <c r="I99" s="8"/>
    </row>
    <row r="100" spans="1:9" ht="42" x14ac:dyDescent="0.35">
      <c r="A100" s="107"/>
      <c r="B100" s="50" t="s">
        <v>558</v>
      </c>
      <c r="C100" s="50" t="s">
        <v>651</v>
      </c>
      <c r="D100" s="50" t="s">
        <v>559</v>
      </c>
      <c r="E100" s="50" t="s">
        <v>560</v>
      </c>
      <c r="F100" s="50" t="s">
        <v>561</v>
      </c>
      <c r="G100" s="47"/>
      <c r="H100" s="48"/>
      <c r="I100" s="8"/>
    </row>
    <row r="101" spans="1:9" ht="16.149999999999999" customHeight="1" x14ac:dyDescent="0.35">
      <c r="A101" s="6"/>
      <c r="B101" s="61"/>
      <c r="C101" s="61"/>
      <c r="D101" s="61"/>
      <c r="E101" s="61"/>
      <c r="F101" s="61"/>
      <c r="G101" s="4"/>
      <c r="H101" s="4"/>
      <c r="I101" s="8"/>
    </row>
    <row r="102" spans="1:9" ht="16.149999999999999" customHeight="1" x14ac:dyDescent="0.35">
      <c r="A102" s="6">
        <v>12</v>
      </c>
      <c r="B102" s="105" t="s">
        <v>478</v>
      </c>
      <c r="C102" s="105"/>
      <c r="D102" s="105"/>
      <c r="E102" s="105"/>
      <c r="F102" s="105"/>
      <c r="G102" s="8"/>
      <c r="H102" s="6"/>
      <c r="I102" s="8"/>
    </row>
    <row r="103" spans="1:9" ht="16.149999999999999" customHeight="1" x14ac:dyDescent="0.35">
      <c r="A103" s="6"/>
      <c r="B103" s="61"/>
      <c r="C103" s="61"/>
      <c r="D103" s="61"/>
      <c r="E103" s="61"/>
      <c r="F103" s="61"/>
      <c r="G103" s="4" t="s">
        <v>1</v>
      </c>
      <c r="H103" s="4" t="s">
        <v>2</v>
      </c>
      <c r="I103" s="8"/>
    </row>
    <row r="104" spans="1:9" ht="21.65" customHeight="1" x14ac:dyDescent="0.35">
      <c r="A104" s="6">
        <v>12.1</v>
      </c>
      <c r="B104" s="96" t="s">
        <v>422</v>
      </c>
      <c r="C104" s="97"/>
      <c r="D104" s="97"/>
      <c r="E104" s="97"/>
      <c r="F104" s="98"/>
      <c r="G104" s="5"/>
      <c r="H104" s="5"/>
      <c r="I104" s="8"/>
    </row>
    <row r="105" spans="1:9" ht="16.899999999999999" customHeight="1" x14ac:dyDescent="0.35">
      <c r="A105" s="106" t="s">
        <v>392</v>
      </c>
      <c r="B105" s="49" t="s">
        <v>395</v>
      </c>
      <c r="C105" s="49" t="s">
        <v>396</v>
      </c>
      <c r="D105" s="49" t="s">
        <v>397</v>
      </c>
      <c r="E105" s="49" t="s">
        <v>398</v>
      </c>
      <c r="F105" s="49" t="s">
        <v>399</v>
      </c>
      <c r="G105" s="45"/>
      <c r="H105" s="46"/>
      <c r="I105" s="8"/>
    </row>
    <row r="106" spans="1:9" ht="73.5" x14ac:dyDescent="0.35">
      <c r="A106" s="107"/>
      <c r="B106" s="50" t="s">
        <v>562</v>
      </c>
      <c r="C106" s="50" t="s">
        <v>563</v>
      </c>
      <c r="D106" s="50" t="s">
        <v>564</v>
      </c>
      <c r="E106" s="50" t="s">
        <v>565</v>
      </c>
      <c r="F106" s="67" t="s">
        <v>652</v>
      </c>
      <c r="G106" s="47"/>
      <c r="H106" s="48"/>
      <c r="I106" s="8"/>
    </row>
    <row r="107" spans="1:9" ht="18.649999999999999" customHeight="1" collapsed="1" x14ac:dyDescent="0.35">
      <c r="A107" s="6">
        <v>12.2</v>
      </c>
      <c r="B107" s="102" t="s">
        <v>493</v>
      </c>
      <c r="C107" s="103"/>
      <c r="D107" s="103"/>
      <c r="E107" s="103"/>
      <c r="F107" s="104"/>
      <c r="G107" s="44"/>
      <c r="H107" s="44"/>
      <c r="I107" s="8"/>
    </row>
    <row r="108" spans="1:9" ht="18.649999999999999" customHeight="1" x14ac:dyDescent="0.35">
      <c r="A108" s="106" t="s">
        <v>392</v>
      </c>
      <c r="B108" s="49" t="s">
        <v>395</v>
      </c>
      <c r="C108" s="49" t="s">
        <v>396</v>
      </c>
      <c r="D108" s="49" t="s">
        <v>397</v>
      </c>
      <c r="E108" s="49" t="s">
        <v>398</v>
      </c>
      <c r="F108" s="49" t="s">
        <v>399</v>
      </c>
      <c r="G108" s="45"/>
      <c r="H108" s="46"/>
      <c r="I108" s="8"/>
    </row>
    <row r="109" spans="1:9" ht="52.5" x14ac:dyDescent="0.35">
      <c r="A109" s="107"/>
      <c r="B109" s="50" t="s">
        <v>566</v>
      </c>
      <c r="C109" s="50" t="s">
        <v>567</v>
      </c>
      <c r="D109" s="50" t="s">
        <v>568</v>
      </c>
      <c r="E109" s="50" t="s">
        <v>569</v>
      </c>
      <c r="F109" s="50" t="s">
        <v>570</v>
      </c>
      <c r="G109" s="47"/>
      <c r="H109" s="48"/>
      <c r="I109" s="8"/>
    </row>
    <row r="110" spans="1:9" ht="14.25" customHeight="1" collapsed="1" x14ac:dyDescent="0.35">
      <c r="A110" s="6">
        <v>12.3</v>
      </c>
      <c r="B110" s="93" t="s">
        <v>494</v>
      </c>
      <c r="C110" s="94"/>
      <c r="D110" s="94"/>
      <c r="E110" s="94"/>
      <c r="F110" s="95"/>
      <c r="G110" s="44"/>
      <c r="H110" s="44"/>
      <c r="I110" s="8"/>
    </row>
    <row r="111" spans="1:9" ht="12" customHeight="1" x14ac:dyDescent="0.35">
      <c r="A111" s="106" t="s">
        <v>392</v>
      </c>
      <c r="B111" s="49" t="s">
        <v>395</v>
      </c>
      <c r="C111" s="49" t="s">
        <v>396</v>
      </c>
      <c r="D111" s="49" t="s">
        <v>397</v>
      </c>
      <c r="E111" s="49" t="s">
        <v>398</v>
      </c>
      <c r="F111" s="49" t="s">
        <v>399</v>
      </c>
      <c r="G111" s="45"/>
      <c r="H111" s="46"/>
      <c r="I111" s="8"/>
    </row>
    <row r="112" spans="1:9" ht="63" x14ac:dyDescent="0.35">
      <c r="A112" s="107"/>
      <c r="B112" s="50" t="s">
        <v>571</v>
      </c>
      <c r="C112" s="50" t="s">
        <v>572</v>
      </c>
      <c r="D112" s="50" t="s">
        <v>573</v>
      </c>
      <c r="E112" s="50" t="s">
        <v>574</v>
      </c>
      <c r="F112" s="51" t="s">
        <v>575</v>
      </c>
      <c r="G112" s="52"/>
      <c r="H112" s="48"/>
      <c r="I112" s="8"/>
    </row>
    <row r="113" spans="1:9" ht="17.649999999999999" customHeight="1" collapsed="1" x14ac:dyDescent="0.35">
      <c r="A113" s="6">
        <v>12.4</v>
      </c>
      <c r="B113" s="93" t="s">
        <v>495</v>
      </c>
      <c r="C113" s="94"/>
      <c r="D113" s="94"/>
      <c r="E113" s="94"/>
      <c r="F113" s="95"/>
      <c r="G113" s="44"/>
      <c r="H113" s="44"/>
      <c r="I113" s="8"/>
    </row>
    <row r="114" spans="1:9" ht="11.5" customHeight="1" x14ac:dyDescent="0.35">
      <c r="A114" s="106" t="s">
        <v>392</v>
      </c>
      <c r="B114" s="49" t="s">
        <v>395</v>
      </c>
      <c r="C114" s="49" t="s">
        <v>396</v>
      </c>
      <c r="D114" s="49" t="s">
        <v>397</v>
      </c>
      <c r="E114" s="49" t="s">
        <v>398</v>
      </c>
      <c r="F114" s="49" t="s">
        <v>399</v>
      </c>
      <c r="G114" s="45"/>
      <c r="H114" s="46"/>
      <c r="I114" s="8"/>
    </row>
    <row r="115" spans="1:9" ht="73.5" x14ac:dyDescent="0.35">
      <c r="A115" s="107"/>
      <c r="B115" s="50" t="s">
        <v>576</v>
      </c>
      <c r="C115" s="50" t="s">
        <v>577</v>
      </c>
      <c r="D115" s="50" t="s">
        <v>578</v>
      </c>
      <c r="E115" s="50" t="s">
        <v>579</v>
      </c>
      <c r="F115" s="51" t="s">
        <v>580</v>
      </c>
      <c r="G115" s="47"/>
      <c r="H115" s="48"/>
      <c r="I115" s="8"/>
    </row>
    <row r="116" spans="1:9" ht="14.25" customHeight="1" collapsed="1" x14ac:dyDescent="0.35">
      <c r="A116" s="6">
        <v>12.5</v>
      </c>
      <c r="B116" s="93" t="s">
        <v>438</v>
      </c>
      <c r="C116" s="94"/>
      <c r="D116" s="94"/>
      <c r="E116" s="94"/>
      <c r="F116" s="95"/>
      <c r="G116" s="44"/>
      <c r="H116" s="44"/>
      <c r="I116" s="8"/>
    </row>
    <row r="117" spans="1:9" ht="16.149999999999999" customHeight="1" x14ac:dyDescent="0.35">
      <c r="A117" s="106" t="s">
        <v>392</v>
      </c>
      <c r="B117" s="49" t="s">
        <v>395</v>
      </c>
      <c r="C117" s="49" t="s">
        <v>396</v>
      </c>
      <c r="D117" s="49" t="s">
        <v>397</v>
      </c>
      <c r="E117" s="49" t="s">
        <v>398</v>
      </c>
      <c r="F117" s="49" t="s">
        <v>399</v>
      </c>
      <c r="G117" s="45"/>
      <c r="H117" s="46"/>
      <c r="I117" s="8"/>
    </row>
    <row r="118" spans="1:9" ht="73.5" x14ac:dyDescent="0.35">
      <c r="A118" s="107"/>
      <c r="B118" s="68" t="s">
        <v>581</v>
      </c>
      <c r="C118" s="50" t="s">
        <v>651</v>
      </c>
      <c r="D118" s="68" t="s">
        <v>653</v>
      </c>
      <c r="E118" s="68" t="s">
        <v>582</v>
      </c>
      <c r="F118" s="68" t="s">
        <v>583</v>
      </c>
      <c r="G118" s="47"/>
      <c r="H118" s="48"/>
      <c r="I118" s="8"/>
    </row>
    <row r="119" spans="1:9" collapsed="1" x14ac:dyDescent="0.35">
      <c r="I119" s="8"/>
    </row>
    <row r="120" spans="1:9" ht="16.149999999999999" customHeight="1" x14ac:dyDescent="0.35">
      <c r="A120" s="6">
        <v>13</v>
      </c>
      <c r="B120" s="105" t="s">
        <v>475</v>
      </c>
      <c r="C120" s="105"/>
      <c r="D120" s="105"/>
      <c r="E120" s="105"/>
      <c r="F120" s="105"/>
      <c r="G120" s="8"/>
      <c r="H120" s="6"/>
      <c r="I120" s="8"/>
    </row>
    <row r="121" spans="1:9" ht="16.149999999999999" customHeight="1" x14ac:dyDescent="0.35">
      <c r="A121" s="6"/>
      <c r="B121" s="61"/>
      <c r="C121" s="61"/>
      <c r="D121" s="61"/>
      <c r="E121" s="61"/>
      <c r="F121" s="61"/>
      <c r="G121" s="4" t="s">
        <v>1</v>
      </c>
      <c r="H121" s="4" t="s">
        <v>2</v>
      </c>
      <c r="I121" s="8"/>
    </row>
    <row r="122" spans="1:9" ht="25.15" customHeight="1" x14ac:dyDescent="0.35">
      <c r="A122" s="6">
        <v>13.1</v>
      </c>
      <c r="B122" s="120" t="s">
        <v>482</v>
      </c>
      <c r="C122" s="121"/>
      <c r="D122" s="121"/>
      <c r="E122" s="121"/>
      <c r="F122" s="122"/>
      <c r="G122" s="44"/>
      <c r="H122" s="44"/>
      <c r="I122" s="8"/>
    </row>
    <row r="123" spans="1:9" ht="15.65" customHeight="1" x14ac:dyDescent="0.35">
      <c r="A123" s="106" t="s">
        <v>392</v>
      </c>
      <c r="B123" s="69" t="s">
        <v>395</v>
      </c>
      <c r="C123" s="69" t="s">
        <v>396</v>
      </c>
      <c r="D123" s="69" t="s">
        <v>397</v>
      </c>
      <c r="E123" s="69" t="s">
        <v>398</v>
      </c>
      <c r="F123" s="69" t="s">
        <v>399</v>
      </c>
      <c r="G123" s="45"/>
      <c r="H123" s="46"/>
      <c r="I123" s="8"/>
    </row>
    <row r="124" spans="1:9" ht="42" x14ac:dyDescent="0.35">
      <c r="A124" s="107"/>
      <c r="B124" s="50" t="s">
        <v>584</v>
      </c>
      <c r="C124" s="50" t="s">
        <v>585</v>
      </c>
      <c r="D124" s="50" t="s">
        <v>586</v>
      </c>
      <c r="E124" s="50" t="s">
        <v>654</v>
      </c>
      <c r="F124" s="51" t="s">
        <v>655</v>
      </c>
      <c r="G124" s="47"/>
      <c r="H124" s="48"/>
      <c r="I124" s="8"/>
    </row>
    <row r="125" spans="1:9" ht="25.15" customHeight="1" collapsed="1" x14ac:dyDescent="0.35">
      <c r="A125" s="6">
        <v>13.2</v>
      </c>
      <c r="B125" s="123" t="s">
        <v>435</v>
      </c>
      <c r="C125" s="124"/>
      <c r="D125" s="124"/>
      <c r="E125" s="124"/>
      <c r="F125" s="125"/>
      <c r="G125" s="44"/>
      <c r="H125" s="44"/>
      <c r="I125" s="8"/>
    </row>
    <row r="126" spans="1:9" ht="13.9" customHeight="1" x14ac:dyDescent="0.35">
      <c r="A126" s="106" t="s">
        <v>392</v>
      </c>
      <c r="B126" s="49" t="s">
        <v>395</v>
      </c>
      <c r="C126" s="49" t="s">
        <v>396</v>
      </c>
      <c r="D126" s="49" t="s">
        <v>397</v>
      </c>
      <c r="E126" s="49" t="s">
        <v>398</v>
      </c>
      <c r="F126" s="49" t="s">
        <v>399</v>
      </c>
      <c r="G126" s="45"/>
      <c r="H126" s="46"/>
      <c r="I126" s="8"/>
    </row>
    <row r="127" spans="1:9" ht="42" x14ac:dyDescent="0.35">
      <c r="A127" s="107"/>
      <c r="B127" s="50" t="s">
        <v>587</v>
      </c>
      <c r="C127" s="50" t="s">
        <v>588</v>
      </c>
      <c r="D127" s="50" t="s">
        <v>589</v>
      </c>
      <c r="E127" s="50" t="s">
        <v>656</v>
      </c>
      <c r="F127" s="51" t="s">
        <v>590</v>
      </c>
      <c r="G127" s="47"/>
      <c r="H127" s="48"/>
      <c r="I127" s="8"/>
    </row>
    <row r="128" spans="1:9" ht="26.5" customHeight="1" collapsed="1" x14ac:dyDescent="0.35">
      <c r="A128" s="6">
        <v>13.3</v>
      </c>
      <c r="B128" s="99" t="s">
        <v>436</v>
      </c>
      <c r="C128" s="100"/>
      <c r="D128" s="100"/>
      <c r="E128" s="100"/>
      <c r="F128" s="101"/>
      <c r="G128" s="44"/>
      <c r="H128" s="44"/>
      <c r="I128" s="8"/>
    </row>
    <row r="129" spans="1:9" ht="16.899999999999999" customHeight="1" x14ac:dyDescent="0.35">
      <c r="A129" s="106" t="s">
        <v>392</v>
      </c>
      <c r="B129" s="49" t="s">
        <v>395</v>
      </c>
      <c r="C129" s="49" t="s">
        <v>396</v>
      </c>
      <c r="D129" s="49" t="s">
        <v>397</v>
      </c>
      <c r="E129" s="49" t="s">
        <v>398</v>
      </c>
      <c r="F129" s="49" t="s">
        <v>399</v>
      </c>
      <c r="G129" s="45"/>
      <c r="H129" s="46"/>
      <c r="I129" s="8"/>
    </row>
    <row r="130" spans="1:9" ht="42" x14ac:dyDescent="0.35">
      <c r="A130" s="107"/>
      <c r="B130" s="57" t="s">
        <v>591</v>
      </c>
      <c r="C130" s="57" t="s">
        <v>657</v>
      </c>
      <c r="D130" s="57" t="s">
        <v>592</v>
      </c>
      <c r="E130" s="57" t="s">
        <v>658</v>
      </c>
      <c r="F130" s="58" t="s">
        <v>593</v>
      </c>
      <c r="G130" s="47"/>
      <c r="H130" s="48"/>
      <c r="I130" s="8"/>
    </row>
    <row r="131" spans="1:9" ht="21.65" customHeight="1" collapsed="1" x14ac:dyDescent="0.35">
      <c r="A131" s="6">
        <v>13.4</v>
      </c>
      <c r="B131" s="99" t="s">
        <v>437</v>
      </c>
      <c r="C131" s="100"/>
      <c r="D131" s="100"/>
      <c r="E131" s="100"/>
      <c r="F131" s="101"/>
      <c r="G131" s="44"/>
      <c r="H131" s="44"/>
      <c r="I131" s="8"/>
    </row>
    <row r="132" spans="1:9" ht="21.65" customHeight="1" x14ac:dyDescent="0.35">
      <c r="A132" s="106" t="s">
        <v>392</v>
      </c>
      <c r="B132" s="65" t="s">
        <v>395</v>
      </c>
      <c r="C132" s="65" t="s">
        <v>396</v>
      </c>
      <c r="D132" s="65" t="s">
        <v>397</v>
      </c>
      <c r="E132" s="65" t="s">
        <v>398</v>
      </c>
      <c r="F132" s="65" t="s">
        <v>399</v>
      </c>
      <c r="G132" s="45"/>
      <c r="H132" s="46"/>
      <c r="I132" s="8"/>
    </row>
    <row r="133" spans="1:9" ht="42" x14ac:dyDescent="0.35">
      <c r="A133" s="107"/>
      <c r="B133" s="50" t="s">
        <v>594</v>
      </c>
      <c r="C133" s="50" t="s">
        <v>660</v>
      </c>
      <c r="D133" s="50" t="s">
        <v>595</v>
      </c>
      <c r="E133" s="50" t="s">
        <v>659</v>
      </c>
      <c r="F133" s="51" t="s">
        <v>596</v>
      </c>
      <c r="G133" s="47"/>
      <c r="H133" s="48"/>
      <c r="I133" s="8"/>
    </row>
    <row r="134" spans="1:9" collapsed="1" x14ac:dyDescent="0.35">
      <c r="I134" s="8"/>
    </row>
    <row r="135" spans="1:9" ht="16.149999999999999" customHeight="1" x14ac:dyDescent="0.35">
      <c r="A135" s="6">
        <v>14</v>
      </c>
      <c r="B135" s="105" t="s">
        <v>497</v>
      </c>
      <c r="C135" s="105"/>
      <c r="D135" s="105"/>
      <c r="E135" s="105"/>
      <c r="F135" s="105"/>
      <c r="G135" s="8"/>
      <c r="H135" s="6"/>
      <c r="I135" s="8"/>
    </row>
    <row r="136" spans="1:9" ht="16.149999999999999" customHeight="1" x14ac:dyDescent="0.35">
      <c r="A136" s="6"/>
      <c r="B136" s="61"/>
      <c r="C136" s="61"/>
      <c r="D136" s="61"/>
      <c r="E136" s="61"/>
      <c r="F136" s="61"/>
      <c r="G136" s="4" t="s">
        <v>1</v>
      </c>
      <c r="H136" s="4" t="s">
        <v>2</v>
      </c>
      <c r="I136" s="8"/>
    </row>
    <row r="137" spans="1:9" ht="25.15" customHeight="1" collapsed="1" x14ac:dyDescent="0.35">
      <c r="A137" s="6">
        <v>14.1</v>
      </c>
      <c r="B137" s="127" t="s">
        <v>685</v>
      </c>
      <c r="C137" s="128"/>
      <c r="D137" s="128"/>
      <c r="E137" s="128"/>
      <c r="F137" s="129"/>
      <c r="G137" s="5"/>
      <c r="H137" s="5"/>
      <c r="I137" s="8"/>
    </row>
    <row r="138" spans="1:9" ht="13.9" customHeight="1" x14ac:dyDescent="0.35">
      <c r="A138" s="106" t="s">
        <v>392</v>
      </c>
      <c r="B138" s="49" t="s">
        <v>395</v>
      </c>
      <c r="C138" s="49" t="s">
        <v>396</v>
      </c>
      <c r="D138" s="49" t="s">
        <v>397</v>
      </c>
      <c r="E138" s="49" t="s">
        <v>398</v>
      </c>
      <c r="F138" s="49" t="s">
        <v>399</v>
      </c>
      <c r="G138" s="45"/>
      <c r="H138" s="46"/>
      <c r="I138" s="8"/>
    </row>
    <row r="139" spans="1:9" ht="64.150000000000006" customHeight="1" x14ac:dyDescent="0.35">
      <c r="A139" s="107"/>
      <c r="B139" s="50" t="s">
        <v>522</v>
      </c>
      <c r="C139" s="50" t="s">
        <v>523</v>
      </c>
      <c r="D139" s="50" t="s">
        <v>524</v>
      </c>
      <c r="E139" s="50" t="s">
        <v>525</v>
      </c>
      <c r="F139" s="51" t="s">
        <v>526</v>
      </c>
      <c r="G139" s="47"/>
      <c r="H139" s="48"/>
      <c r="I139" s="8"/>
    </row>
    <row r="140" spans="1:9" ht="25.15" customHeight="1" x14ac:dyDescent="0.35">
      <c r="A140" s="6">
        <v>14.2</v>
      </c>
      <c r="B140" s="120" t="s">
        <v>498</v>
      </c>
      <c r="C140" s="121"/>
      <c r="D140" s="121"/>
      <c r="E140" s="121"/>
      <c r="F140" s="122"/>
      <c r="G140" s="44"/>
      <c r="H140" s="44"/>
      <c r="I140" s="8"/>
    </row>
    <row r="141" spans="1:9" ht="15.65" customHeight="1" x14ac:dyDescent="0.35">
      <c r="A141" s="106" t="s">
        <v>392</v>
      </c>
      <c r="B141" s="69" t="s">
        <v>395</v>
      </c>
      <c r="C141" s="69" t="s">
        <v>396</v>
      </c>
      <c r="D141" s="69" t="s">
        <v>397</v>
      </c>
      <c r="E141" s="69" t="s">
        <v>398</v>
      </c>
      <c r="F141" s="69" t="s">
        <v>399</v>
      </c>
      <c r="G141" s="45"/>
      <c r="H141" s="46"/>
      <c r="I141" s="8"/>
    </row>
    <row r="142" spans="1:9" ht="94.15" customHeight="1" x14ac:dyDescent="0.35">
      <c r="A142" s="107"/>
      <c r="B142" s="50" t="s">
        <v>501</v>
      </c>
      <c r="C142" s="50" t="s">
        <v>502</v>
      </c>
      <c r="D142" s="50" t="s">
        <v>503</v>
      </c>
      <c r="E142" s="50" t="s">
        <v>514</v>
      </c>
      <c r="F142" s="51" t="s">
        <v>504</v>
      </c>
      <c r="G142" s="47"/>
      <c r="H142" s="48"/>
      <c r="I142" s="8"/>
    </row>
    <row r="143" spans="1:9" ht="25.15" customHeight="1" collapsed="1" x14ac:dyDescent="0.35">
      <c r="A143" s="6">
        <v>14.3</v>
      </c>
      <c r="B143" s="126" t="s">
        <v>499</v>
      </c>
      <c r="C143" s="126"/>
      <c r="D143" s="126"/>
      <c r="E143" s="126"/>
      <c r="F143" s="126"/>
      <c r="G143" s="44"/>
      <c r="H143" s="44"/>
      <c r="I143" s="8"/>
    </row>
    <row r="144" spans="1:9" ht="13.9" customHeight="1" x14ac:dyDescent="0.35">
      <c r="A144" s="106" t="s">
        <v>392</v>
      </c>
      <c r="B144" s="49" t="s">
        <v>395</v>
      </c>
      <c r="C144" s="49" t="s">
        <v>396</v>
      </c>
      <c r="D144" s="49" t="s">
        <v>397</v>
      </c>
      <c r="E144" s="49" t="s">
        <v>398</v>
      </c>
      <c r="F144" s="49" t="s">
        <v>399</v>
      </c>
      <c r="G144" s="45"/>
      <c r="H144" s="46"/>
      <c r="I144" s="8"/>
    </row>
    <row r="145" spans="1:9" ht="64.150000000000006" customHeight="1" x14ac:dyDescent="0.35">
      <c r="A145" s="107"/>
      <c r="B145" s="50" t="s">
        <v>505</v>
      </c>
      <c r="C145" s="50" t="s">
        <v>506</v>
      </c>
      <c r="D145" s="50" t="s">
        <v>507</v>
      </c>
      <c r="E145" s="50" t="s">
        <v>508</v>
      </c>
      <c r="F145" s="51" t="s">
        <v>682</v>
      </c>
      <c r="G145" s="47"/>
      <c r="H145" s="48"/>
      <c r="I145" s="8"/>
    </row>
    <row r="146" spans="1:9" ht="25.15" customHeight="1" collapsed="1" x14ac:dyDescent="0.35">
      <c r="A146" s="6">
        <v>14.4</v>
      </c>
      <c r="B146" s="126" t="s">
        <v>500</v>
      </c>
      <c r="C146" s="126"/>
      <c r="D146" s="126"/>
      <c r="E146" s="126"/>
      <c r="F146" s="126"/>
      <c r="G146" s="44"/>
      <c r="H146" s="44"/>
      <c r="I146" s="8"/>
    </row>
    <row r="147" spans="1:9" ht="22.15" customHeight="1" x14ac:dyDescent="0.35">
      <c r="A147" s="106" t="s">
        <v>392</v>
      </c>
      <c r="B147" s="49" t="s">
        <v>395</v>
      </c>
      <c r="C147" s="49" t="s">
        <v>396</v>
      </c>
      <c r="D147" s="49" t="s">
        <v>397</v>
      </c>
      <c r="E147" s="49" t="s">
        <v>398</v>
      </c>
      <c r="F147" s="49" t="s">
        <v>399</v>
      </c>
      <c r="G147" s="45"/>
      <c r="H147" s="46"/>
      <c r="I147" s="8"/>
    </row>
    <row r="148" spans="1:9" ht="71.150000000000006" customHeight="1" x14ac:dyDescent="0.35">
      <c r="A148" s="107"/>
      <c r="B148" s="50" t="s">
        <v>509</v>
      </c>
      <c r="C148" s="50" t="s">
        <v>510</v>
      </c>
      <c r="D148" s="50" t="s">
        <v>511</v>
      </c>
      <c r="E148" s="50" t="s">
        <v>512</v>
      </c>
      <c r="F148" s="51" t="s">
        <v>513</v>
      </c>
      <c r="G148" s="47"/>
      <c r="H148" s="48"/>
      <c r="I148" s="8"/>
    </row>
    <row r="149" spans="1:9" x14ac:dyDescent="0.35">
      <c r="A149" s="6"/>
      <c r="B149" s="29"/>
      <c r="C149" s="29"/>
      <c r="D149" s="29"/>
      <c r="E149" s="29"/>
      <c r="F149" s="29"/>
      <c r="G149" s="8"/>
      <c r="H149" s="6"/>
      <c r="I149" s="8"/>
    </row>
    <row r="150" spans="1:9" ht="16.149999999999999" customHeight="1" x14ac:dyDescent="0.35">
      <c r="A150" s="6">
        <v>15</v>
      </c>
      <c r="B150" s="105" t="s">
        <v>485</v>
      </c>
      <c r="C150" s="105"/>
      <c r="D150" s="105"/>
      <c r="E150" s="105"/>
      <c r="F150" s="105"/>
      <c r="G150" s="8"/>
      <c r="H150" s="6"/>
      <c r="I150" s="8"/>
    </row>
    <row r="151" spans="1:9" ht="16.149999999999999" customHeight="1" x14ac:dyDescent="0.35">
      <c r="A151" s="6"/>
      <c r="B151" s="61"/>
      <c r="C151" s="61"/>
      <c r="D151" s="61"/>
      <c r="E151" s="61"/>
      <c r="F151" s="61"/>
      <c r="G151" s="4" t="s">
        <v>1</v>
      </c>
      <c r="H151" s="4" t="s">
        <v>2</v>
      </c>
      <c r="I151" s="8"/>
    </row>
    <row r="152" spans="1:9" ht="16.149999999999999" customHeight="1" x14ac:dyDescent="0.35">
      <c r="A152" s="6">
        <v>15.1</v>
      </c>
      <c r="B152" s="99" t="s">
        <v>486</v>
      </c>
      <c r="C152" s="100"/>
      <c r="D152" s="100"/>
      <c r="E152" s="100"/>
      <c r="F152" s="101"/>
      <c r="G152" s="44"/>
      <c r="H152" s="44"/>
      <c r="I152" s="8"/>
    </row>
    <row r="153" spans="1:9" ht="20.5" customHeight="1" x14ac:dyDescent="0.35">
      <c r="A153" s="106" t="s">
        <v>392</v>
      </c>
      <c r="B153" s="49" t="s">
        <v>395</v>
      </c>
      <c r="C153" s="49" t="s">
        <v>396</v>
      </c>
      <c r="D153" s="49" t="s">
        <v>397</v>
      </c>
      <c r="E153" s="49" t="s">
        <v>398</v>
      </c>
      <c r="F153" s="49" t="s">
        <v>399</v>
      </c>
      <c r="G153" s="45"/>
      <c r="H153" s="46"/>
      <c r="I153" s="8"/>
    </row>
    <row r="154" spans="1:9" ht="31.5" x14ac:dyDescent="0.35">
      <c r="A154" s="107"/>
      <c r="B154" s="50" t="s">
        <v>597</v>
      </c>
      <c r="C154" s="50" t="s">
        <v>598</v>
      </c>
      <c r="D154" s="50" t="s">
        <v>599</v>
      </c>
      <c r="E154" s="50" t="s">
        <v>600</v>
      </c>
      <c r="F154" s="51" t="s">
        <v>601</v>
      </c>
      <c r="G154" s="47"/>
      <c r="H154" s="48"/>
      <c r="I154" s="8"/>
    </row>
    <row r="155" spans="1:9" ht="18" customHeight="1" collapsed="1" x14ac:dyDescent="0.35">
      <c r="A155" s="6">
        <v>15.2</v>
      </c>
      <c r="B155" s="99" t="s">
        <v>521</v>
      </c>
      <c r="C155" s="100"/>
      <c r="D155" s="100"/>
      <c r="E155" s="100"/>
      <c r="F155" s="101"/>
      <c r="G155" s="44"/>
      <c r="H155" s="44"/>
      <c r="I155" s="8"/>
    </row>
    <row r="156" spans="1:9" ht="18" customHeight="1" x14ac:dyDescent="0.35">
      <c r="A156" s="106" t="s">
        <v>392</v>
      </c>
      <c r="B156" s="49" t="s">
        <v>395</v>
      </c>
      <c r="C156" s="49" t="s">
        <v>396</v>
      </c>
      <c r="D156" s="49" t="s">
        <v>397</v>
      </c>
      <c r="E156" s="49" t="s">
        <v>398</v>
      </c>
      <c r="F156" s="49" t="s">
        <v>399</v>
      </c>
      <c r="G156" s="45"/>
      <c r="H156" s="46"/>
      <c r="I156" s="8"/>
    </row>
    <row r="157" spans="1:9" ht="63" x14ac:dyDescent="0.35">
      <c r="A157" s="107"/>
      <c r="B157" s="57" t="s">
        <v>602</v>
      </c>
      <c r="C157" s="57" t="s">
        <v>603</v>
      </c>
      <c r="D157" s="57" t="s">
        <v>604</v>
      </c>
      <c r="E157" s="57" t="s">
        <v>605</v>
      </c>
      <c r="F157" s="57" t="s">
        <v>606</v>
      </c>
      <c r="G157" s="47"/>
      <c r="H157" s="48"/>
      <c r="I157" s="8"/>
    </row>
    <row r="158" spans="1:9" ht="18" customHeight="1" collapsed="1" x14ac:dyDescent="0.35">
      <c r="A158" s="6">
        <v>15.3</v>
      </c>
      <c r="B158" s="99" t="s">
        <v>487</v>
      </c>
      <c r="C158" s="100"/>
      <c r="D158" s="100"/>
      <c r="E158" s="100"/>
      <c r="F158" s="101"/>
      <c r="G158" s="44"/>
      <c r="H158" s="44"/>
      <c r="I158" s="8"/>
    </row>
    <row r="159" spans="1:9" ht="18" customHeight="1" x14ac:dyDescent="0.35">
      <c r="A159" s="106" t="s">
        <v>392</v>
      </c>
      <c r="B159" s="49" t="s">
        <v>395</v>
      </c>
      <c r="C159" s="49" t="s">
        <v>396</v>
      </c>
      <c r="D159" s="49" t="s">
        <v>397</v>
      </c>
      <c r="E159" s="49" t="s">
        <v>398</v>
      </c>
      <c r="F159" s="49" t="s">
        <v>399</v>
      </c>
      <c r="G159" s="45"/>
      <c r="H159" s="46"/>
      <c r="I159" s="8"/>
    </row>
    <row r="160" spans="1:9" ht="73.5" x14ac:dyDescent="0.35">
      <c r="A160" s="107"/>
      <c r="B160" s="57" t="s">
        <v>607</v>
      </c>
      <c r="C160" s="57" t="s">
        <v>608</v>
      </c>
      <c r="D160" s="57" t="s">
        <v>683</v>
      </c>
      <c r="E160" s="57" t="s">
        <v>609</v>
      </c>
      <c r="F160" s="57" t="s">
        <v>684</v>
      </c>
      <c r="G160" s="47"/>
      <c r="H160" s="48"/>
      <c r="I160" s="8"/>
    </row>
    <row r="161" spans="1:9" x14ac:dyDescent="0.35">
      <c r="A161" s="6"/>
      <c r="B161" s="29"/>
      <c r="C161" s="29"/>
      <c r="D161" s="29"/>
      <c r="E161" s="29"/>
      <c r="F161" s="29"/>
      <c r="G161" s="8"/>
      <c r="H161" s="6"/>
      <c r="I161" s="8"/>
    </row>
    <row r="162" spans="1:9" ht="16.149999999999999" customHeight="1" x14ac:dyDescent="0.35">
      <c r="A162" s="6">
        <v>16</v>
      </c>
      <c r="B162" s="105" t="s">
        <v>476</v>
      </c>
      <c r="C162" s="105"/>
      <c r="D162" s="105"/>
      <c r="E162" s="105"/>
      <c r="F162" s="105"/>
      <c r="G162" s="8"/>
      <c r="H162" s="6"/>
      <c r="I162" s="8"/>
    </row>
    <row r="163" spans="1:9" ht="16.149999999999999" customHeight="1" x14ac:dyDescent="0.35">
      <c r="A163" s="6"/>
      <c r="B163" s="119"/>
      <c r="C163" s="119"/>
      <c r="D163" s="119"/>
      <c r="E163" s="119"/>
      <c r="F163" s="119"/>
      <c r="G163" s="4" t="s">
        <v>1</v>
      </c>
      <c r="H163" s="4" t="s">
        <v>2</v>
      </c>
      <c r="I163" s="8"/>
    </row>
    <row r="164" spans="1:9" ht="20.5" customHeight="1" x14ac:dyDescent="0.35">
      <c r="A164" s="62">
        <v>16.100000000000001</v>
      </c>
      <c r="B164" s="99" t="s">
        <v>404</v>
      </c>
      <c r="C164" s="100"/>
      <c r="D164" s="100"/>
      <c r="E164" s="100"/>
      <c r="F164" s="101"/>
      <c r="G164" s="44"/>
      <c r="H164" s="44"/>
      <c r="I164" s="8"/>
    </row>
    <row r="165" spans="1:9" ht="21.65" customHeight="1" x14ac:dyDescent="0.35">
      <c r="A165" s="130" t="s">
        <v>392</v>
      </c>
      <c r="B165" s="49" t="s">
        <v>395</v>
      </c>
      <c r="C165" s="49" t="s">
        <v>396</v>
      </c>
      <c r="D165" s="49" t="s">
        <v>397</v>
      </c>
      <c r="E165" s="49" t="s">
        <v>398</v>
      </c>
      <c r="F165" s="49" t="s">
        <v>399</v>
      </c>
      <c r="G165" s="45"/>
      <c r="H165" s="46"/>
      <c r="I165" s="8"/>
    </row>
    <row r="166" spans="1:9" ht="52.5" x14ac:dyDescent="0.35">
      <c r="A166" s="130"/>
      <c r="B166" s="50" t="s">
        <v>661</v>
      </c>
      <c r="C166" s="50" t="s">
        <v>610</v>
      </c>
      <c r="D166" s="50" t="s">
        <v>611</v>
      </c>
      <c r="E166" s="50" t="s">
        <v>662</v>
      </c>
      <c r="F166" s="51" t="s">
        <v>663</v>
      </c>
      <c r="G166" s="47"/>
      <c r="H166" s="48"/>
      <c r="I166" s="35"/>
    </row>
    <row r="167" spans="1:9" ht="20.5" customHeight="1" collapsed="1" x14ac:dyDescent="0.35">
      <c r="A167" s="6">
        <v>16.2</v>
      </c>
      <c r="B167" s="99" t="s">
        <v>405</v>
      </c>
      <c r="C167" s="100"/>
      <c r="D167" s="100"/>
      <c r="E167" s="100"/>
      <c r="F167" s="101"/>
      <c r="G167" s="44"/>
      <c r="H167" s="44"/>
      <c r="I167" s="35"/>
    </row>
    <row r="168" spans="1:9" ht="20.5" customHeight="1" x14ac:dyDescent="0.35">
      <c r="A168" s="130" t="s">
        <v>392</v>
      </c>
      <c r="B168" s="49" t="s">
        <v>395</v>
      </c>
      <c r="C168" s="49" t="s">
        <v>396</v>
      </c>
      <c r="D168" s="49" t="s">
        <v>397</v>
      </c>
      <c r="E168" s="49" t="s">
        <v>398</v>
      </c>
      <c r="F168" s="49" t="s">
        <v>399</v>
      </c>
      <c r="G168" s="45"/>
      <c r="H168" s="46"/>
      <c r="I168" s="35"/>
    </row>
    <row r="169" spans="1:9" ht="52.5" x14ac:dyDescent="0.35">
      <c r="A169" s="130"/>
      <c r="B169" s="50" t="s">
        <v>612</v>
      </c>
      <c r="C169" s="50" t="s">
        <v>664</v>
      </c>
      <c r="D169" s="50" t="s">
        <v>665</v>
      </c>
      <c r="E169" s="50" t="s">
        <v>666</v>
      </c>
      <c r="F169" s="51" t="s">
        <v>613</v>
      </c>
      <c r="G169" s="47"/>
      <c r="H169" s="48"/>
      <c r="I169" s="35"/>
    </row>
    <row r="170" spans="1:9" ht="21.65" customHeight="1" collapsed="1" x14ac:dyDescent="0.35">
      <c r="A170" s="6">
        <v>16.3</v>
      </c>
      <c r="B170" s="99" t="s">
        <v>447</v>
      </c>
      <c r="C170" s="100"/>
      <c r="D170" s="100"/>
      <c r="E170" s="100"/>
      <c r="F170" s="101"/>
      <c r="G170" s="44"/>
      <c r="H170" s="44"/>
      <c r="I170" s="35"/>
    </row>
    <row r="171" spans="1:9" ht="21.65" customHeight="1" x14ac:dyDescent="0.35">
      <c r="A171" s="106" t="s">
        <v>392</v>
      </c>
      <c r="B171" s="49" t="s">
        <v>395</v>
      </c>
      <c r="C171" s="49" t="s">
        <v>396</v>
      </c>
      <c r="D171" s="49" t="s">
        <v>397</v>
      </c>
      <c r="E171" s="49" t="s">
        <v>398</v>
      </c>
      <c r="F171" s="49" t="s">
        <v>399</v>
      </c>
      <c r="G171" s="45"/>
      <c r="H171" s="46"/>
      <c r="I171" s="35"/>
    </row>
    <row r="172" spans="1:9" ht="52.5" x14ac:dyDescent="0.35">
      <c r="A172" s="107"/>
      <c r="B172" s="63" t="s">
        <v>667</v>
      </c>
      <c r="C172" s="63" t="s">
        <v>614</v>
      </c>
      <c r="D172" s="63" t="s">
        <v>615</v>
      </c>
      <c r="E172" s="63" t="s">
        <v>668</v>
      </c>
      <c r="F172" s="64" t="s">
        <v>669</v>
      </c>
      <c r="G172" s="47"/>
      <c r="H172" s="48"/>
      <c r="I172" s="35"/>
    </row>
    <row r="173" spans="1:9" x14ac:dyDescent="0.35">
      <c r="A173" s="6"/>
      <c r="B173" s="29"/>
      <c r="C173" s="29"/>
      <c r="D173" s="29"/>
      <c r="E173" s="29"/>
      <c r="F173" s="29"/>
      <c r="G173" s="8"/>
      <c r="H173" s="6"/>
      <c r="I173" s="6"/>
    </row>
    <row r="174" spans="1:9" ht="16.149999999999999" customHeight="1" x14ac:dyDescent="0.35">
      <c r="A174" s="6">
        <v>17</v>
      </c>
      <c r="B174" s="105" t="s">
        <v>477</v>
      </c>
      <c r="C174" s="105"/>
      <c r="D174" s="105"/>
      <c r="E174" s="105"/>
      <c r="F174" s="105"/>
      <c r="G174" s="8"/>
      <c r="H174" s="6"/>
      <c r="I174" s="36"/>
    </row>
    <row r="175" spans="1:9" ht="16.149999999999999" customHeight="1" x14ac:dyDescent="0.35">
      <c r="A175" s="6"/>
      <c r="B175" s="119"/>
      <c r="C175" s="119"/>
      <c r="D175" s="119"/>
      <c r="E175" s="119"/>
      <c r="F175" s="119"/>
      <c r="G175" s="4" t="s">
        <v>1</v>
      </c>
      <c r="H175" s="4" t="s">
        <v>2</v>
      </c>
      <c r="I175" s="36"/>
    </row>
    <row r="176" spans="1:9" ht="19.149999999999999" customHeight="1" x14ac:dyDescent="0.35">
      <c r="A176" s="6">
        <v>17.100000000000001</v>
      </c>
      <c r="B176" s="111" t="s">
        <v>439</v>
      </c>
      <c r="C176" s="111"/>
      <c r="D176" s="111"/>
      <c r="E176" s="111"/>
      <c r="F176" s="111"/>
      <c r="G176" s="44"/>
      <c r="H176" s="44"/>
      <c r="I176" s="35"/>
    </row>
    <row r="177" spans="1:9" ht="19.149999999999999" customHeight="1" x14ac:dyDescent="0.35">
      <c r="A177" s="106" t="s">
        <v>392</v>
      </c>
      <c r="B177" s="49" t="s">
        <v>395</v>
      </c>
      <c r="C177" s="49" t="s">
        <v>396</v>
      </c>
      <c r="D177" s="49" t="s">
        <v>397</v>
      </c>
      <c r="E177" s="49" t="s">
        <v>398</v>
      </c>
      <c r="F177" s="49" t="s">
        <v>399</v>
      </c>
      <c r="G177" s="45"/>
      <c r="H177" s="46"/>
      <c r="I177" s="35"/>
    </row>
    <row r="178" spans="1:9" ht="52.5" x14ac:dyDescent="0.35">
      <c r="A178" s="107"/>
      <c r="B178" s="50" t="s">
        <v>616</v>
      </c>
      <c r="C178" s="50" t="s">
        <v>617</v>
      </c>
      <c r="D178" s="50" t="s">
        <v>618</v>
      </c>
      <c r="E178" s="50" t="s">
        <v>619</v>
      </c>
      <c r="F178" s="51" t="s">
        <v>670</v>
      </c>
      <c r="G178" s="47"/>
      <c r="H178" s="48"/>
      <c r="I178" s="35"/>
    </row>
    <row r="179" spans="1:9" ht="20.25" customHeight="1" collapsed="1" x14ac:dyDescent="0.35">
      <c r="A179" s="6">
        <v>17.2</v>
      </c>
      <c r="B179" s="111" t="s">
        <v>483</v>
      </c>
      <c r="C179" s="111"/>
      <c r="D179" s="111"/>
      <c r="E179" s="111"/>
      <c r="F179" s="111"/>
      <c r="G179" s="44"/>
      <c r="H179" s="44"/>
      <c r="I179" s="35"/>
    </row>
    <row r="180" spans="1:9" ht="24.65" customHeight="1" x14ac:dyDescent="0.35">
      <c r="A180" s="106" t="s">
        <v>392</v>
      </c>
      <c r="B180" s="49" t="s">
        <v>395</v>
      </c>
      <c r="C180" s="49" t="s">
        <v>396</v>
      </c>
      <c r="D180" s="49" t="s">
        <v>397</v>
      </c>
      <c r="E180" s="49" t="s">
        <v>398</v>
      </c>
      <c r="F180" s="49" t="s">
        <v>399</v>
      </c>
      <c r="G180" s="45"/>
      <c r="H180" s="46"/>
      <c r="I180" s="35"/>
    </row>
    <row r="181" spans="1:9" ht="42" x14ac:dyDescent="0.35">
      <c r="A181" s="107"/>
      <c r="B181" s="57" t="s">
        <v>620</v>
      </c>
      <c r="C181" s="57" t="s">
        <v>621</v>
      </c>
      <c r="D181" s="57" t="s">
        <v>622</v>
      </c>
      <c r="E181" s="57" t="s">
        <v>623</v>
      </c>
      <c r="F181" s="58" t="s">
        <v>624</v>
      </c>
      <c r="G181" s="47"/>
      <c r="H181" s="48"/>
      <c r="I181" s="35"/>
    </row>
    <row r="182" spans="1:9" ht="21.65" customHeight="1" collapsed="1" x14ac:dyDescent="0.35">
      <c r="A182" s="6">
        <v>17.3</v>
      </c>
      <c r="B182" s="111" t="s">
        <v>441</v>
      </c>
      <c r="C182" s="111"/>
      <c r="D182" s="111"/>
      <c r="E182" s="111"/>
      <c r="F182" s="111"/>
      <c r="G182" s="44"/>
      <c r="H182" s="44"/>
      <c r="I182" s="35"/>
    </row>
    <row r="183" spans="1:9" ht="21.65" customHeight="1" x14ac:dyDescent="0.35">
      <c r="A183" s="106" t="s">
        <v>392</v>
      </c>
      <c r="B183" s="49" t="s">
        <v>395</v>
      </c>
      <c r="C183" s="49" t="s">
        <v>396</v>
      </c>
      <c r="D183" s="49" t="s">
        <v>397</v>
      </c>
      <c r="E183" s="49" t="s">
        <v>398</v>
      </c>
      <c r="F183" s="49" t="s">
        <v>399</v>
      </c>
      <c r="G183" s="45"/>
      <c r="H183" s="46"/>
      <c r="I183" s="35"/>
    </row>
    <row r="184" spans="1:9" ht="42" x14ac:dyDescent="0.35">
      <c r="A184" s="107"/>
      <c r="B184" s="59" t="s">
        <v>625</v>
      </c>
      <c r="C184" s="59" t="s">
        <v>626</v>
      </c>
      <c r="D184" s="59" t="s">
        <v>627</v>
      </c>
      <c r="E184" s="59" t="s">
        <v>671</v>
      </c>
      <c r="F184" s="60" t="s">
        <v>672</v>
      </c>
      <c r="G184" s="47"/>
      <c r="H184" s="48"/>
      <c r="I184" s="35"/>
    </row>
    <row r="185" spans="1:9" x14ac:dyDescent="0.35">
      <c r="A185" s="6"/>
      <c r="B185" s="29"/>
      <c r="C185" s="29"/>
      <c r="D185" s="29"/>
      <c r="E185" s="29"/>
      <c r="F185" s="29"/>
      <c r="G185" s="8"/>
      <c r="H185" s="6"/>
      <c r="I185" s="8"/>
    </row>
    <row r="186" spans="1:9" ht="16.149999999999999" customHeight="1" x14ac:dyDescent="0.35">
      <c r="A186" s="6">
        <v>18</v>
      </c>
      <c r="B186" s="105" t="s">
        <v>479</v>
      </c>
      <c r="C186" s="105"/>
      <c r="D186" s="105"/>
      <c r="E186" s="105"/>
      <c r="F186" s="105"/>
      <c r="G186" s="8"/>
      <c r="H186" s="6"/>
      <c r="I186" s="8"/>
    </row>
    <row r="187" spans="1:9" ht="16.149999999999999" customHeight="1" x14ac:dyDescent="0.35">
      <c r="A187" s="6"/>
      <c r="B187" s="61"/>
      <c r="C187" s="61"/>
      <c r="D187" s="61"/>
      <c r="E187" s="61"/>
      <c r="F187" s="61"/>
      <c r="G187" s="4" t="s">
        <v>1</v>
      </c>
      <c r="H187" s="4" t="s">
        <v>2</v>
      </c>
      <c r="I187" s="8"/>
    </row>
    <row r="188" spans="1:9" ht="21.65" customHeight="1" x14ac:dyDescent="0.35">
      <c r="A188" s="6">
        <v>18.100000000000001</v>
      </c>
      <c r="B188" s="96" t="s">
        <v>408</v>
      </c>
      <c r="C188" s="97"/>
      <c r="D188" s="97"/>
      <c r="E188" s="97"/>
      <c r="F188" s="98"/>
      <c r="G188" s="44"/>
      <c r="H188" s="44"/>
      <c r="I188" s="8"/>
    </row>
    <row r="189" spans="1:9" ht="16.899999999999999" customHeight="1" x14ac:dyDescent="0.35">
      <c r="A189" s="106" t="s">
        <v>392</v>
      </c>
      <c r="B189" s="49" t="s">
        <v>395</v>
      </c>
      <c r="C189" s="49" t="s">
        <v>396</v>
      </c>
      <c r="D189" s="49" t="s">
        <v>397</v>
      </c>
      <c r="E189" s="49" t="s">
        <v>398</v>
      </c>
      <c r="F189" s="49" t="s">
        <v>399</v>
      </c>
      <c r="G189" s="45"/>
      <c r="H189" s="46"/>
      <c r="I189" s="8"/>
    </row>
    <row r="190" spans="1:9" ht="42" x14ac:dyDescent="0.35">
      <c r="A190" s="107"/>
      <c r="B190" s="50" t="s">
        <v>628</v>
      </c>
      <c r="C190" s="50" t="s">
        <v>629</v>
      </c>
      <c r="D190" s="50" t="s">
        <v>630</v>
      </c>
      <c r="E190" s="50" t="s">
        <v>631</v>
      </c>
      <c r="F190" s="51" t="s">
        <v>632</v>
      </c>
      <c r="G190" s="47"/>
      <c r="H190" s="48"/>
      <c r="I190" s="8"/>
    </row>
    <row r="191" spans="1:9" ht="18.649999999999999" customHeight="1" collapsed="1" x14ac:dyDescent="0.35">
      <c r="A191" s="6">
        <v>18.2</v>
      </c>
      <c r="B191" s="102" t="s">
        <v>496</v>
      </c>
      <c r="C191" s="103"/>
      <c r="D191" s="103"/>
      <c r="E191" s="103"/>
      <c r="F191" s="104"/>
      <c r="G191" s="44"/>
      <c r="H191" s="44"/>
      <c r="I191" s="8"/>
    </row>
    <row r="192" spans="1:9" ht="18.649999999999999" customHeight="1" x14ac:dyDescent="0.35">
      <c r="A192" s="106" t="s">
        <v>392</v>
      </c>
      <c r="B192" s="49" t="s">
        <v>395</v>
      </c>
      <c r="C192" s="49" t="s">
        <v>396</v>
      </c>
      <c r="D192" s="49" t="s">
        <v>397</v>
      </c>
      <c r="E192" s="49" t="s">
        <v>398</v>
      </c>
      <c r="F192" s="49" t="s">
        <v>399</v>
      </c>
      <c r="G192" s="45"/>
      <c r="H192" s="46"/>
      <c r="I192" s="8"/>
    </row>
    <row r="193" spans="1:9" ht="31.5" x14ac:dyDescent="0.35">
      <c r="A193" s="107"/>
      <c r="B193" s="50" t="s">
        <v>409</v>
      </c>
      <c r="C193" s="50" t="s">
        <v>410</v>
      </c>
      <c r="D193" s="50" t="s">
        <v>411</v>
      </c>
      <c r="E193" s="50" t="s">
        <v>412</v>
      </c>
      <c r="F193" s="50" t="s">
        <v>413</v>
      </c>
      <c r="G193" s="47"/>
      <c r="H193" s="48"/>
      <c r="I193" s="8"/>
    </row>
    <row r="194" spans="1:9" ht="26.25" customHeight="1" collapsed="1" x14ac:dyDescent="0.35">
      <c r="A194" s="6">
        <v>18.3</v>
      </c>
      <c r="B194" s="93" t="s">
        <v>440</v>
      </c>
      <c r="C194" s="94"/>
      <c r="D194" s="94"/>
      <c r="E194" s="94"/>
      <c r="F194" s="95"/>
      <c r="G194" s="44"/>
      <c r="H194" s="44"/>
      <c r="I194" s="8"/>
    </row>
    <row r="195" spans="1:9" ht="12" customHeight="1" x14ac:dyDescent="0.35">
      <c r="A195" s="106" t="s">
        <v>392</v>
      </c>
      <c r="B195" s="49" t="s">
        <v>395</v>
      </c>
      <c r="C195" s="49" t="s">
        <v>396</v>
      </c>
      <c r="D195" s="49" t="s">
        <v>397</v>
      </c>
      <c r="E195" s="49" t="s">
        <v>398</v>
      </c>
      <c r="F195" s="49" t="s">
        <v>399</v>
      </c>
      <c r="G195" s="45"/>
      <c r="H195" s="46"/>
      <c r="I195" s="8"/>
    </row>
    <row r="196" spans="1:9" ht="55.9" customHeight="1" x14ac:dyDescent="0.35">
      <c r="A196" s="107"/>
      <c r="B196" s="50" t="s">
        <v>414</v>
      </c>
      <c r="C196" s="50" t="s">
        <v>426</v>
      </c>
      <c r="D196" s="50" t="s">
        <v>415</v>
      </c>
      <c r="E196" s="51" t="s">
        <v>448</v>
      </c>
      <c r="F196" s="51" t="s">
        <v>463</v>
      </c>
      <c r="G196" s="52"/>
      <c r="H196" s="48"/>
      <c r="I196" s="8"/>
    </row>
    <row r="197" spans="1:9" ht="24" customHeight="1" collapsed="1" x14ac:dyDescent="0.35">
      <c r="A197" s="6">
        <v>18.399999999999999</v>
      </c>
      <c r="B197" s="93" t="s">
        <v>450</v>
      </c>
      <c r="C197" s="94"/>
      <c r="D197" s="94"/>
      <c r="E197" s="94"/>
      <c r="F197" s="95"/>
      <c r="G197" s="44"/>
      <c r="H197" s="44"/>
      <c r="I197" s="8"/>
    </row>
    <row r="198" spans="1:9" ht="11.5" customHeight="1" x14ac:dyDescent="0.35">
      <c r="A198" s="106" t="s">
        <v>392</v>
      </c>
      <c r="B198" s="49" t="s">
        <v>395</v>
      </c>
      <c r="C198" s="49" t="s">
        <v>396</v>
      </c>
      <c r="D198" s="49" t="s">
        <v>397</v>
      </c>
      <c r="E198" s="49" t="s">
        <v>398</v>
      </c>
      <c r="F198" s="49" t="s">
        <v>399</v>
      </c>
      <c r="G198" s="45"/>
      <c r="H198" s="46"/>
      <c r="I198" s="8"/>
    </row>
    <row r="199" spans="1:9" ht="42" x14ac:dyDescent="0.35">
      <c r="A199" s="107"/>
      <c r="B199" s="50" t="s">
        <v>416</v>
      </c>
      <c r="C199" s="50" t="s">
        <v>417</v>
      </c>
      <c r="D199" s="50" t="s">
        <v>418</v>
      </c>
      <c r="E199" s="50" t="s">
        <v>419</v>
      </c>
      <c r="F199" s="51" t="s">
        <v>464</v>
      </c>
      <c r="G199" s="47"/>
      <c r="H199" s="48"/>
      <c r="I199" s="8"/>
    </row>
    <row r="200" spans="1:9" ht="28.15" customHeight="1" collapsed="1" x14ac:dyDescent="0.35">
      <c r="A200" s="6">
        <v>18.5</v>
      </c>
      <c r="B200" s="93" t="s">
        <v>465</v>
      </c>
      <c r="C200" s="94"/>
      <c r="D200" s="94"/>
      <c r="E200" s="94"/>
      <c r="F200" s="95"/>
      <c r="G200" s="44"/>
      <c r="H200" s="44"/>
      <c r="I200" s="8"/>
    </row>
    <row r="201" spans="1:9" ht="16.149999999999999" customHeight="1" x14ac:dyDescent="0.35">
      <c r="A201" s="106" t="s">
        <v>392</v>
      </c>
      <c r="B201" s="49" t="s">
        <v>395</v>
      </c>
      <c r="C201" s="49" t="s">
        <v>396</v>
      </c>
      <c r="D201" s="49" t="s">
        <v>397</v>
      </c>
      <c r="E201" s="49" t="s">
        <v>398</v>
      </c>
      <c r="F201" s="49" t="s">
        <v>399</v>
      </c>
      <c r="G201" s="45"/>
      <c r="H201" s="46"/>
      <c r="I201" s="8"/>
    </row>
    <row r="202" spans="1:9" ht="63" x14ac:dyDescent="0.35">
      <c r="A202" s="107"/>
      <c r="B202" s="50" t="s">
        <v>420</v>
      </c>
      <c r="C202" s="50" t="s">
        <v>427</v>
      </c>
      <c r="D202" s="50" t="s">
        <v>466</v>
      </c>
      <c r="E202" s="50" t="s">
        <v>428</v>
      </c>
      <c r="F202" s="50" t="s">
        <v>421</v>
      </c>
      <c r="G202" s="47"/>
      <c r="H202" s="48"/>
      <c r="I202" s="8"/>
    </row>
    <row r="203" spans="1:9" ht="21" customHeight="1" x14ac:dyDescent="0.35">
      <c r="A203" s="6"/>
      <c r="B203" s="55"/>
      <c r="C203" s="55"/>
      <c r="D203" s="55"/>
      <c r="E203" s="55"/>
      <c r="F203" s="55"/>
      <c r="G203" s="2"/>
      <c r="H203" s="2"/>
      <c r="I203" s="8"/>
    </row>
    <row r="204" spans="1:9" ht="16.149999999999999" customHeight="1" x14ac:dyDescent="0.35">
      <c r="A204" s="6">
        <v>19</v>
      </c>
      <c r="B204" s="105" t="s">
        <v>480</v>
      </c>
      <c r="C204" s="105"/>
      <c r="D204" s="105"/>
      <c r="E204" s="105"/>
      <c r="F204" s="105"/>
      <c r="G204" s="8"/>
      <c r="H204" s="6"/>
      <c r="I204" s="8"/>
    </row>
    <row r="205" spans="1:9" ht="16.149999999999999" customHeight="1" x14ac:dyDescent="0.35">
      <c r="A205" s="6"/>
      <c r="B205" s="61"/>
      <c r="C205" s="61"/>
      <c r="D205" s="61"/>
      <c r="E205" s="61"/>
      <c r="F205" s="61"/>
      <c r="G205" s="4" t="s">
        <v>1</v>
      </c>
      <c r="H205" s="4" t="s">
        <v>2</v>
      </c>
      <c r="I205" s="8"/>
    </row>
    <row r="206" spans="1:9" ht="16.149999999999999" customHeight="1" x14ac:dyDescent="0.35">
      <c r="A206" s="6">
        <v>19.100000000000001</v>
      </c>
      <c r="B206" s="99" t="s">
        <v>406</v>
      </c>
      <c r="C206" s="100"/>
      <c r="D206" s="100"/>
      <c r="E206" s="100"/>
      <c r="F206" s="101"/>
      <c r="G206" s="44"/>
      <c r="H206" s="44"/>
      <c r="I206" s="8"/>
    </row>
    <row r="207" spans="1:9" ht="20.5" customHeight="1" x14ac:dyDescent="0.35">
      <c r="A207" s="106" t="s">
        <v>392</v>
      </c>
      <c r="B207" s="49" t="s">
        <v>395</v>
      </c>
      <c r="C207" s="49" t="s">
        <v>396</v>
      </c>
      <c r="D207" s="49" t="s">
        <v>397</v>
      </c>
      <c r="E207" s="49" t="s">
        <v>398</v>
      </c>
      <c r="F207" s="49" t="s">
        <v>399</v>
      </c>
      <c r="G207" s="45"/>
      <c r="H207" s="46"/>
      <c r="I207" s="8"/>
    </row>
    <row r="208" spans="1:9" ht="63" x14ac:dyDescent="0.35">
      <c r="A208" s="107"/>
      <c r="B208" s="50" t="s">
        <v>633</v>
      </c>
      <c r="C208" s="50" t="s">
        <v>673</v>
      </c>
      <c r="D208" s="50" t="s">
        <v>674</v>
      </c>
      <c r="E208" s="50" t="s">
        <v>675</v>
      </c>
      <c r="F208" s="51" t="s">
        <v>676</v>
      </c>
      <c r="G208" s="47"/>
      <c r="H208" s="48"/>
      <c r="I208" s="8"/>
    </row>
    <row r="209" spans="1:14" ht="18" customHeight="1" collapsed="1" x14ac:dyDescent="0.35">
      <c r="A209" s="6">
        <v>19.2</v>
      </c>
      <c r="B209" s="99" t="s">
        <v>407</v>
      </c>
      <c r="C209" s="100"/>
      <c r="D209" s="100"/>
      <c r="E209" s="100"/>
      <c r="F209" s="101"/>
      <c r="G209" s="44"/>
      <c r="H209" s="44"/>
      <c r="I209" s="8"/>
    </row>
    <row r="210" spans="1:14" ht="18" customHeight="1" x14ac:dyDescent="0.35">
      <c r="A210" s="106" t="s">
        <v>392</v>
      </c>
      <c r="B210" s="49" t="s">
        <v>395</v>
      </c>
      <c r="C210" s="49" t="s">
        <v>396</v>
      </c>
      <c r="D210" s="49" t="s">
        <v>397</v>
      </c>
      <c r="E210" s="49" t="s">
        <v>398</v>
      </c>
      <c r="F210" s="49" t="s">
        <v>399</v>
      </c>
      <c r="G210" s="45"/>
      <c r="H210" s="46"/>
      <c r="I210" s="8"/>
    </row>
    <row r="211" spans="1:14" ht="52.5" x14ac:dyDescent="0.35">
      <c r="A211" s="107"/>
      <c r="B211" s="57" t="s">
        <v>558</v>
      </c>
      <c r="C211" s="57" t="s">
        <v>634</v>
      </c>
      <c r="D211" s="57" t="s">
        <v>677</v>
      </c>
      <c r="E211" s="57" t="s">
        <v>678</v>
      </c>
      <c r="F211" s="57" t="s">
        <v>679</v>
      </c>
      <c r="G211" s="47"/>
      <c r="H211" s="48"/>
      <c r="I211" s="8"/>
    </row>
    <row r="212" spans="1:14" ht="24" customHeight="1" collapsed="1" x14ac:dyDescent="0.35">
      <c r="A212" s="6">
        <v>19.3</v>
      </c>
      <c r="B212" s="111" t="s">
        <v>442</v>
      </c>
      <c r="C212" s="111"/>
      <c r="D212" s="111"/>
      <c r="E212" s="111"/>
      <c r="F212" s="111"/>
      <c r="G212" s="44"/>
      <c r="H212" s="44"/>
      <c r="I212" s="8"/>
    </row>
    <row r="213" spans="1:14" ht="16.149999999999999" customHeight="1" x14ac:dyDescent="0.35">
      <c r="A213" s="106" t="s">
        <v>392</v>
      </c>
      <c r="B213" s="49" t="s">
        <v>395</v>
      </c>
      <c r="C213" s="49" t="s">
        <v>396</v>
      </c>
      <c r="D213" s="49" t="s">
        <v>397</v>
      </c>
      <c r="E213" s="49" t="s">
        <v>398</v>
      </c>
      <c r="F213" s="49" t="s">
        <v>399</v>
      </c>
      <c r="G213" s="53"/>
      <c r="H213" s="54"/>
      <c r="I213" s="8"/>
    </row>
    <row r="214" spans="1:14" ht="52.5" x14ac:dyDescent="0.35">
      <c r="A214" s="107"/>
      <c r="B214" s="50" t="s">
        <v>635</v>
      </c>
      <c r="C214" s="50" t="s">
        <v>636</v>
      </c>
      <c r="D214" s="50" t="s">
        <v>680</v>
      </c>
      <c r="E214" s="50" t="s">
        <v>681</v>
      </c>
      <c r="F214" s="50" t="s">
        <v>637</v>
      </c>
      <c r="G214" s="47"/>
      <c r="H214" s="48"/>
      <c r="I214" s="8"/>
    </row>
    <row r="215" spans="1:14" x14ac:dyDescent="0.35">
      <c r="A215" s="6"/>
      <c r="B215" s="29"/>
      <c r="C215" s="29"/>
      <c r="D215" s="29"/>
      <c r="E215" s="29"/>
      <c r="F215" s="29"/>
      <c r="G215" s="8"/>
      <c r="H215" s="6"/>
      <c r="I215" s="6"/>
    </row>
    <row r="216" spans="1:14" x14ac:dyDescent="0.35">
      <c r="A216" s="6"/>
      <c r="B216" s="29"/>
      <c r="C216" s="29"/>
      <c r="D216" s="29"/>
      <c r="E216" s="29"/>
      <c r="F216" s="29"/>
      <c r="G216" s="8"/>
      <c r="H216" s="6"/>
      <c r="I216" s="6"/>
    </row>
    <row r="217" spans="1:14" x14ac:dyDescent="0.35">
      <c r="A217" s="6"/>
      <c r="B217" s="29"/>
      <c r="C217" s="29"/>
      <c r="D217" s="29"/>
      <c r="E217" s="29"/>
      <c r="F217" s="29"/>
      <c r="G217" s="8"/>
      <c r="H217" s="6"/>
      <c r="I217" s="6"/>
    </row>
    <row r="218" spans="1:14" x14ac:dyDescent="0.35">
      <c r="A218" s="6"/>
      <c r="B218" s="40" t="s">
        <v>3</v>
      </c>
      <c r="C218" s="40"/>
      <c r="D218" s="40"/>
      <c r="E218" s="40"/>
      <c r="F218" s="40"/>
      <c r="G218" s="71"/>
      <c r="H218" s="72"/>
      <c r="I218" s="6"/>
      <c r="L218" s="73"/>
      <c r="M218" s="73"/>
      <c r="N218" s="73"/>
    </row>
    <row r="219" spans="1:14" x14ac:dyDescent="0.35">
      <c r="A219" s="6"/>
      <c r="B219" s="38"/>
      <c r="C219" s="38"/>
      <c r="D219" s="38"/>
      <c r="E219" s="38"/>
      <c r="F219" s="38"/>
      <c r="G219" s="9"/>
      <c r="H219" s="10"/>
      <c r="I219" s="6"/>
      <c r="L219" s="73"/>
      <c r="M219" s="73"/>
      <c r="N219" s="73"/>
    </row>
    <row r="220" spans="1:14" x14ac:dyDescent="0.35">
      <c r="A220" s="6"/>
      <c r="B220" s="76" t="s">
        <v>697</v>
      </c>
      <c r="C220" s="76"/>
      <c r="D220" s="76"/>
      <c r="E220" s="76"/>
      <c r="F220" s="76"/>
      <c r="G220" s="77"/>
      <c r="H220" s="77"/>
      <c r="I220" s="7" t="s">
        <v>5</v>
      </c>
    </row>
    <row r="221" spans="1:14" x14ac:dyDescent="0.35">
      <c r="A221" s="6"/>
      <c r="B221" s="76" t="s">
        <v>698</v>
      </c>
      <c r="C221" s="76"/>
      <c r="D221" s="76"/>
      <c r="E221" s="76"/>
      <c r="F221" s="76"/>
      <c r="G221" s="77"/>
      <c r="H221" s="77"/>
      <c r="I221" s="7" t="s">
        <v>5</v>
      </c>
    </row>
    <row r="222" spans="1:14" x14ac:dyDescent="0.35">
      <c r="A222" s="6"/>
      <c r="B222" s="76" t="s">
        <v>699</v>
      </c>
      <c r="C222" s="76"/>
      <c r="D222" s="76"/>
      <c r="E222" s="76"/>
      <c r="F222" s="76"/>
      <c r="G222" s="77"/>
      <c r="H222" s="77"/>
      <c r="I222" s="7" t="s">
        <v>5</v>
      </c>
    </row>
    <row r="223" spans="1:14" x14ac:dyDescent="0.35">
      <c r="A223" s="6"/>
      <c r="B223" s="76" t="s">
        <v>7</v>
      </c>
      <c r="C223" s="76"/>
      <c r="D223" s="76"/>
      <c r="E223" s="76"/>
      <c r="F223" s="76"/>
      <c r="G223" s="108"/>
      <c r="H223" s="77"/>
      <c r="I223" s="7" t="s">
        <v>5</v>
      </c>
    </row>
    <row r="224" spans="1:14" x14ac:dyDescent="0.35">
      <c r="A224" s="6"/>
      <c r="B224" s="76" t="s">
        <v>700</v>
      </c>
      <c r="C224" s="76"/>
      <c r="D224" s="76"/>
      <c r="E224" s="76"/>
      <c r="F224" s="76"/>
      <c r="G224" s="109"/>
      <c r="H224" s="110"/>
      <c r="I224" s="7"/>
    </row>
    <row r="225" spans="1:14" ht="16.149999999999999" customHeight="1" x14ac:dyDescent="0.35">
      <c r="A225" s="6"/>
      <c r="B225" s="74" t="s">
        <v>687</v>
      </c>
      <c r="C225" s="74"/>
      <c r="D225" s="74"/>
      <c r="E225" s="74"/>
      <c r="F225" s="74"/>
      <c r="G225" s="75"/>
      <c r="H225" s="75"/>
      <c r="I225" s="7" t="s">
        <v>5</v>
      </c>
    </row>
    <row r="226" spans="1:14" ht="19.899999999999999" customHeight="1" x14ac:dyDescent="0.35">
      <c r="A226" s="6"/>
      <c r="B226" s="74" t="s">
        <v>688</v>
      </c>
      <c r="C226" s="74"/>
      <c r="D226" s="74"/>
      <c r="E226" s="74"/>
      <c r="F226" s="74"/>
      <c r="G226" s="75"/>
      <c r="H226" s="75"/>
      <c r="I226" s="7"/>
    </row>
    <row r="227" spans="1:14" ht="19.899999999999999" customHeight="1" x14ac:dyDescent="0.35">
      <c r="A227" s="6"/>
      <c r="B227" s="74" t="s">
        <v>689</v>
      </c>
      <c r="C227" s="74"/>
      <c r="D227" s="74"/>
      <c r="E227" s="74"/>
      <c r="F227" s="74"/>
      <c r="G227" s="75"/>
      <c r="H227" s="75"/>
      <c r="I227" s="7"/>
    </row>
    <row r="228" spans="1:14" ht="19.899999999999999" customHeight="1" x14ac:dyDescent="0.35">
      <c r="A228" s="6"/>
      <c r="B228" s="74" t="s">
        <v>690</v>
      </c>
      <c r="C228" s="74"/>
      <c r="D228" s="74"/>
      <c r="E228" s="74"/>
      <c r="F228" s="74"/>
      <c r="G228" s="75"/>
      <c r="H228" s="75"/>
      <c r="I228" s="7"/>
    </row>
    <row r="229" spans="1:14" x14ac:dyDescent="0.35">
      <c r="A229" s="6"/>
      <c r="B229" s="76" t="s">
        <v>691</v>
      </c>
      <c r="C229" s="76"/>
      <c r="D229" s="76"/>
      <c r="E229" s="76"/>
      <c r="F229" s="76"/>
      <c r="G229" s="75"/>
      <c r="H229" s="75"/>
      <c r="I229" s="7" t="s">
        <v>5</v>
      </c>
    </row>
    <row r="230" spans="1:14" ht="19.5" customHeight="1" x14ac:dyDescent="0.35">
      <c r="A230" s="6"/>
      <c r="B230" s="74" t="s">
        <v>692</v>
      </c>
      <c r="C230" s="74"/>
      <c r="D230" s="74"/>
      <c r="E230" s="74"/>
      <c r="F230" s="74"/>
      <c r="G230" s="75"/>
      <c r="H230" s="75"/>
      <c r="I230" s="7"/>
    </row>
    <row r="231" spans="1:14" ht="19.5" customHeight="1" x14ac:dyDescent="0.35">
      <c r="A231" s="6"/>
      <c r="B231" s="74" t="s">
        <v>693</v>
      </c>
      <c r="C231" s="74"/>
      <c r="D231" s="74"/>
      <c r="E231" s="74"/>
      <c r="F231" s="74"/>
      <c r="G231" s="75"/>
      <c r="H231" s="75"/>
      <c r="I231" s="7"/>
    </row>
    <row r="232" spans="1:14" ht="19.5" customHeight="1" x14ac:dyDescent="0.35">
      <c r="A232" s="6"/>
      <c r="B232" s="74" t="s">
        <v>694</v>
      </c>
      <c r="C232" s="74"/>
      <c r="D232" s="74"/>
      <c r="E232" s="74"/>
      <c r="F232" s="74"/>
      <c r="G232" s="75"/>
      <c r="H232" s="75"/>
      <c r="I232" s="7"/>
    </row>
    <row r="233" spans="1:14" x14ac:dyDescent="0.35">
      <c r="A233" s="6"/>
      <c r="B233" s="76" t="s">
        <v>8</v>
      </c>
      <c r="C233" s="76"/>
      <c r="D233" s="76"/>
      <c r="E233" s="76"/>
      <c r="F233" s="76"/>
      <c r="G233" s="77"/>
      <c r="H233" s="77"/>
      <c r="I233" s="7" t="s">
        <v>5</v>
      </c>
    </row>
    <row r="234" spans="1:14" x14ac:dyDescent="0.35">
      <c r="A234" s="6"/>
      <c r="B234" s="112" t="s">
        <v>4</v>
      </c>
      <c r="C234" s="113"/>
      <c r="D234" s="113"/>
      <c r="E234" s="113"/>
      <c r="F234" s="113"/>
      <c r="G234" s="77"/>
      <c r="H234" s="77"/>
      <c r="I234" s="7" t="s">
        <v>5</v>
      </c>
    </row>
    <row r="235" spans="1:14" x14ac:dyDescent="0.35">
      <c r="A235" s="6"/>
      <c r="B235" s="76" t="s">
        <v>6</v>
      </c>
      <c r="C235" s="76"/>
      <c r="D235" s="76"/>
      <c r="E235" s="76"/>
      <c r="F235" s="76"/>
      <c r="G235" s="77"/>
      <c r="H235" s="77"/>
      <c r="I235" s="7" t="s">
        <v>5</v>
      </c>
    </row>
    <row r="236" spans="1:14" ht="24.65" customHeight="1" x14ac:dyDescent="0.35">
      <c r="A236" s="6"/>
      <c r="B236" s="76" t="s">
        <v>701</v>
      </c>
      <c r="C236" s="76"/>
      <c r="D236" s="76"/>
      <c r="E236" s="76"/>
      <c r="F236" s="76"/>
      <c r="G236" s="77"/>
      <c r="H236" s="77"/>
      <c r="I236" s="7" t="s">
        <v>5</v>
      </c>
    </row>
    <row r="237" spans="1:14" x14ac:dyDescent="0.35">
      <c r="A237" s="6"/>
      <c r="B237" s="39"/>
      <c r="C237" s="39"/>
      <c r="D237" s="39"/>
      <c r="E237" s="39"/>
      <c r="F237" s="39"/>
      <c r="G237" s="42"/>
      <c r="H237" s="42"/>
      <c r="I237" s="7"/>
      <c r="L237" s="73"/>
      <c r="M237" s="73"/>
      <c r="N237" s="73"/>
    </row>
    <row r="238" spans="1:14" x14ac:dyDescent="0.35">
      <c r="A238" s="6"/>
      <c r="B238" s="6" t="s">
        <v>10</v>
      </c>
      <c r="C238" s="6"/>
      <c r="D238" s="6"/>
      <c r="E238" s="6"/>
      <c r="F238" s="6"/>
      <c r="G238" s="42"/>
      <c r="H238" s="42"/>
      <c r="I238" s="6"/>
      <c r="L238" s="73"/>
      <c r="M238" s="73"/>
      <c r="N238" s="73"/>
    </row>
  </sheetData>
  <mergeCells count="206">
    <mergeCell ref="A180:A181"/>
    <mergeCell ref="B182:F182"/>
    <mergeCell ref="A183:A184"/>
    <mergeCell ref="A165:A166"/>
    <mergeCell ref="B167:F167"/>
    <mergeCell ref="A168:A169"/>
    <mergeCell ref="B170:F170"/>
    <mergeCell ref="A171:A172"/>
    <mergeCell ref="B174:F174"/>
    <mergeCell ref="B175:F175"/>
    <mergeCell ref="B176:F176"/>
    <mergeCell ref="B179:F179"/>
    <mergeCell ref="A177:A178"/>
    <mergeCell ref="A105:A106"/>
    <mergeCell ref="B107:F107"/>
    <mergeCell ref="A108:A109"/>
    <mergeCell ref="B110:F110"/>
    <mergeCell ref="A111:A112"/>
    <mergeCell ref="B113:F113"/>
    <mergeCell ref="A114:A115"/>
    <mergeCell ref="B71:F71"/>
    <mergeCell ref="B74:F74"/>
    <mergeCell ref="B77:F77"/>
    <mergeCell ref="A75:A76"/>
    <mergeCell ref="A78:A79"/>
    <mergeCell ref="A99:A100"/>
    <mergeCell ref="A69:A70"/>
    <mergeCell ref="A72:A73"/>
    <mergeCell ref="B186:F186"/>
    <mergeCell ref="B188:F188"/>
    <mergeCell ref="A153:A154"/>
    <mergeCell ref="A156:A157"/>
    <mergeCell ref="A159:A160"/>
    <mergeCell ref="A129:A130"/>
    <mergeCell ref="A132:A133"/>
    <mergeCell ref="A81:A82"/>
    <mergeCell ref="A87:A88"/>
    <mergeCell ref="A90:A91"/>
    <mergeCell ref="B162:F162"/>
    <mergeCell ref="B135:F135"/>
    <mergeCell ref="B140:F140"/>
    <mergeCell ref="A141:A142"/>
    <mergeCell ref="B143:F143"/>
    <mergeCell ref="A144:A145"/>
    <mergeCell ref="B146:F146"/>
    <mergeCell ref="A147:A148"/>
    <mergeCell ref="B137:F137"/>
    <mergeCell ref="A138:A139"/>
    <mergeCell ref="B116:F116"/>
    <mergeCell ref="A117:A118"/>
    <mergeCell ref="B21:F21"/>
    <mergeCell ref="B15:F15"/>
    <mergeCell ref="G15:H15"/>
    <mergeCell ref="B16:F16"/>
    <mergeCell ref="B204:F204"/>
    <mergeCell ref="B206:F206"/>
    <mergeCell ref="A123:A124"/>
    <mergeCell ref="A126:A127"/>
    <mergeCell ref="B150:F150"/>
    <mergeCell ref="B131:F131"/>
    <mergeCell ref="G40:H40"/>
    <mergeCell ref="B49:F49"/>
    <mergeCell ref="B50:F50"/>
    <mergeCell ref="G50:H50"/>
    <mergeCell ref="B152:F152"/>
    <mergeCell ref="G60:H60"/>
    <mergeCell ref="B61:F61"/>
    <mergeCell ref="G61:H61"/>
    <mergeCell ref="B163:F163"/>
    <mergeCell ref="B164:F164"/>
    <mergeCell ref="B59:F59"/>
    <mergeCell ref="B60:F60"/>
    <mergeCell ref="A93:A94"/>
    <mergeCell ref="A96:A97"/>
    <mergeCell ref="B228:F228"/>
    <mergeCell ref="G228:H228"/>
    <mergeCell ref="B229:F229"/>
    <mergeCell ref="G229:H229"/>
    <mergeCell ref="B2:H2"/>
    <mergeCell ref="G10:H10"/>
    <mergeCell ref="G14:H14"/>
    <mergeCell ref="G20:H20"/>
    <mergeCell ref="G9:H9"/>
    <mergeCell ref="G25:H25"/>
    <mergeCell ref="G19:H19"/>
    <mergeCell ref="G26:H26"/>
    <mergeCell ref="B25:F25"/>
    <mergeCell ref="B26:F26"/>
    <mergeCell ref="B4:H4"/>
    <mergeCell ref="B6:H6"/>
    <mergeCell ref="B9:F9"/>
    <mergeCell ref="B18:F18"/>
    <mergeCell ref="B24:F24"/>
    <mergeCell ref="B10:F10"/>
    <mergeCell ref="B14:F14"/>
    <mergeCell ref="B19:F19"/>
    <mergeCell ref="B20:F20"/>
    <mergeCell ref="B22:F22"/>
    <mergeCell ref="G224:H224"/>
    <mergeCell ref="B209:F209"/>
    <mergeCell ref="B212:F212"/>
    <mergeCell ref="G236:H236"/>
    <mergeCell ref="G234:H234"/>
    <mergeCell ref="G235:H235"/>
    <mergeCell ref="B234:F234"/>
    <mergeCell ref="B235:F235"/>
    <mergeCell ref="B236:F236"/>
    <mergeCell ref="B220:F220"/>
    <mergeCell ref="B221:F221"/>
    <mergeCell ref="B223:F223"/>
    <mergeCell ref="B224:F224"/>
    <mergeCell ref="B225:F225"/>
    <mergeCell ref="G225:H225"/>
    <mergeCell ref="G221:H221"/>
    <mergeCell ref="G220:H220"/>
    <mergeCell ref="G222:H222"/>
    <mergeCell ref="B226:F226"/>
    <mergeCell ref="G226:H226"/>
    <mergeCell ref="B227:F227"/>
    <mergeCell ref="G227:H227"/>
    <mergeCell ref="B222:F222"/>
    <mergeCell ref="A189:A190"/>
    <mergeCell ref="B191:F191"/>
    <mergeCell ref="A192:A193"/>
    <mergeCell ref="B194:F194"/>
    <mergeCell ref="A195:A196"/>
    <mergeCell ref="B197:F197"/>
    <mergeCell ref="A198:A199"/>
    <mergeCell ref="G223:H223"/>
    <mergeCell ref="A207:A208"/>
    <mergeCell ref="A210:A211"/>
    <mergeCell ref="A213:A214"/>
    <mergeCell ref="B200:F200"/>
    <mergeCell ref="A201:A202"/>
    <mergeCell ref="B38:F38"/>
    <mergeCell ref="B39:F39"/>
    <mergeCell ref="B41:F41"/>
    <mergeCell ref="B66:F66"/>
    <mergeCell ref="B51:F51"/>
    <mergeCell ref="G51:H51"/>
    <mergeCell ref="B52:F52"/>
    <mergeCell ref="B128:F128"/>
    <mergeCell ref="G62:H62"/>
    <mergeCell ref="G55:H55"/>
    <mergeCell ref="B120:F120"/>
    <mergeCell ref="B122:F122"/>
    <mergeCell ref="B98:F98"/>
    <mergeCell ref="B125:F125"/>
    <mergeCell ref="B40:F40"/>
    <mergeCell ref="B63:F63"/>
    <mergeCell ref="B62:F62"/>
    <mergeCell ref="B45:F45"/>
    <mergeCell ref="B54:F54"/>
    <mergeCell ref="B55:F55"/>
    <mergeCell ref="B56:F56"/>
    <mergeCell ref="G56:H56"/>
    <mergeCell ref="B102:F102"/>
    <mergeCell ref="B104:F104"/>
    <mergeCell ref="G11:H11"/>
    <mergeCell ref="G13:H13"/>
    <mergeCell ref="B57:F57"/>
    <mergeCell ref="G45:H45"/>
    <mergeCell ref="B46:F46"/>
    <mergeCell ref="G46:H46"/>
    <mergeCell ref="B47:F47"/>
    <mergeCell ref="B30:F30"/>
    <mergeCell ref="B31:F31"/>
    <mergeCell ref="G31:H31"/>
    <mergeCell ref="B32:F32"/>
    <mergeCell ref="G32:H32"/>
    <mergeCell ref="B33:F33"/>
    <mergeCell ref="G33:H33"/>
    <mergeCell ref="B34:F34"/>
    <mergeCell ref="G34:H34"/>
    <mergeCell ref="B35:F35"/>
    <mergeCell ref="G21:H21"/>
    <mergeCell ref="G38:H38"/>
    <mergeCell ref="B11:F11"/>
    <mergeCell ref="B13:F13"/>
    <mergeCell ref="B37:F37"/>
    <mergeCell ref="B43:F43"/>
    <mergeCell ref="B44:F44"/>
    <mergeCell ref="B230:F230"/>
    <mergeCell ref="G230:H230"/>
    <mergeCell ref="B231:F231"/>
    <mergeCell ref="G231:H231"/>
    <mergeCell ref="B232:F232"/>
    <mergeCell ref="G232:H232"/>
    <mergeCell ref="B233:F233"/>
    <mergeCell ref="G233:H233"/>
    <mergeCell ref="B12:F12"/>
    <mergeCell ref="G12:H12"/>
    <mergeCell ref="B28:F28"/>
    <mergeCell ref="B27:F27"/>
    <mergeCell ref="G27:H27"/>
    <mergeCell ref="B68:F68"/>
    <mergeCell ref="G44:H44"/>
    <mergeCell ref="B86:F86"/>
    <mergeCell ref="B155:F155"/>
    <mergeCell ref="B158:F158"/>
    <mergeCell ref="B80:F80"/>
    <mergeCell ref="B89:F89"/>
    <mergeCell ref="B84:F84"/>
    <mergeCell ref="B92:F92"/>
    <mergeCell ref="B95:F95"/>
    <mergeCell ref="G39:H39"/>
  </mergeCells>
  <dataValidations count="2">
    <dataValidation type="list" allowBlank="1" showInputMessage="1" showErrorMessage="1" sqref="G237:H237" xr:uid="{00000000-0002-0000-0000-000000000000}">
      <formula1>yesno</formula1>
    </dataValidation>
    <dataValidation type="list" allowBlank="1" showInputMessage="1" showErrorMessage="1" sqref="G201:H203 G198:H199" xr:uid="{00000000-0002-0000-0000-000001000000}">
      <formula1>$Q$2:$Q$6</formula1>
    </dataValidation>
  </dataValidations>
  <pageMargins left="0.7" right="0.7" top="0.75" bottom="0.75" header="0.3" footer="0.3"/>
  <pageSetup scale="62" fitToHeight="0" orientation="landscape" horizontalDpi="300" r:id="rId1"/>
  <rowBreaks count="1" manualBreakCount="1">
    <brk id="90" min="1" max="9" man="1"/>
  </rowBreaks>
  <colBreaks count="1" manualBreakCount="1">
    <brk id="1" max="1048575" man="1"/>
  </colBreaks>
  <drawing r:id="rId2"/>
  <legacyDrawing r:id="rId3"/>
  <extLst>
    <ext xmlns:x14="http://schemas.microsoft.com/office/spreadsheetml/2009/9/main" uri="{CCE6A557-97BC-4b89-ADB6-D9C93CAAB3DF}">
      <x14:dataValidations xmlns:xm="http://schemas.microsoft.com/office/excel/2006/main" count="7">
        <x14:dataValidation type="list" allowBlank="1" showInputMessage="1" showErrorMessage="1" xr:uid="{00000000-0002-0000-0000-000002000000}">
          <x14:formula1>
            <xm:f>Library!$M$2:$M$7</xm:f>
          </x14:formula1>
          <xm:sqref>G68:H68 G71:H71 G74:H74 G104:H104 G80:H80 G89:H89 G86:H86 G188:H188 G182:H182 G107:H107 G77:H77 G92:H92 G95:H95 G98:H98 G110:H110 G113:H113 G116:H116 G122:H122 G125:H125 G128:H128 G131:H131 G137:H137 G140:H140 G143:H143 G146:H146 G152:H152 G155:H155 G158:H158 G164:H164 G167:H167 G170:H170 G176:H176 G179:H179 G191:H191 G194:H194 G197:H197 G200:H200 G206:H206 G209:H209 G212:H212</xm:sqref>
        </x14:dataValidation>
        <x14:dataValidation type="list" allowBlank="1" showInputMessage="1" showErrorMessage="1" xr:uid="{20D87A3D-686E-40E5-BA85-AB6662ADEF23}">
          <x14:formula1>
            <xm:f>Library!$O$2:$O$154</xm:f>
          </x14:formula1>
          <xm:sqref>G233:H233</xm:sqref>
        </x14:dataValidation>
        <x14:dataValidation type="list" allowBlank="1" showInputMessage="1" showErrorMessage="1" xr:uid="{7F21D2F2-C1EF-4ED3-9FB1-A2EDC35AC7DF}">
          <x14:formula1>
            <xm:f>Library!$P$2:$P$31</xm:f>
          </x14:formula1>
          <xm:sqref>G234:H234</xm:sqref>
        </x14:dataValidation>
        <x14:dataValidation type="list" allowBlank="1" showInputMessage="1" showErrorMessage="1" xr:uid="{2296AB02-895F-408D-9448-06CD8E629994}">
          <x14:formula1>
            <xm:f>Library!$B$2:$B$173</xm:f>
          </x14:formula1>
          <xm:sqref>G235:H235</xm:sqref>
        </x14:dataValidation>
        <x14:dataValidation type="list" allowBlank="1" showInputMessage="1" showErrorMessage="1" xr:uid="{2078EF37-4FCE-4F29-9929-969557DDE0B1}">
          <x14:formula1>
            <xm:f>Library!$L$2:$L$3</xm:f>
          </x14:formula1>
          <xm:sqref>G236:H236</xm:sqref>
        </x14:dataValidation>
        <x14:dataValidation type="list" allowBlank="1" showInputMessage="1" showErrorMessage="1" xr:uid="{A97687DF-437E-42C1-AC06-21F67F5AFF7E}">
          <x14:formula1>
            <xm:f>Library!$D$2:$D$5</xm:f>
          </x14:formula1>
          <xm:sqref>G230:H230</xm:sqref>
        </x14:dataValidation>
        <x14:dataValidation type="list" allowBlank="1" showInputMessage="1" showErrorMessage="1" xr:uid="{BB932899-75DC-4F0C-90C1-C19A1046054E}">
          <x14:formula1>
            <xm:f>Library!$N$2:$N$5</xm:f>
          </x14:formula1>
          <xm:sqref>G229:H22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B3:H11"/>
  <sheetViews>
    <sheetView workbookViewId="0">
      <selection activeCell="B12" sqref="B12"/>
    </sheetView>
  </sheetViews>
  <sheetFormatPr defaultRowHeight="14.5" x14ac:dyDescent="0.35"/>
  <cols>
    <col min="2" max="2" width="15.7265625" customWidth="1"/>
    <col min="3" max="3" width="21.453125" customWidth="1"/>
    <col min="4" max="4" width="22.1796875" customWidth="1"/>
    <col min="5" max="6" width="22.81640625" customWidth="1"/>
  </cols>
  <sheetData>
    <row r="3" spans="2:8" x14ac:dyDescent="0.35">
      <c r="B3" s="131" t="s">
        <v>482</v>
      </c>
      <c r="C3" s="131"/>
      <c r="D3" s="131"/>
      <c r="E3" s="131"/>
      <c r="F3" s="131"/>
    </row>
    <row r="4" spans="2:8" x14ac:dyDescent="0.35">
      <c r="B4" s="69" t="s">
        <v>395</v>
      </c>
      <c r="C4" s="69" t="s">
        <v>396</v>
      </c>
      <c r="D4" s="69" t="s">
        <v>397</v>
      </c>
      <c r="E4" s="69" t="s">
        <v>398</v>
      </c>
      <c r="F4" s="69" t="s">
        <v>399</v>
      </c>
    </row>
    <row r="5" spans="2:8" ht="63" x14ac:dyDescent="0.35">
      <c r="B5" s="50" t="s">
        <v>402</v>
      </c>
      <c r="C5" s="50" t="s">
        <v>453</v>
      </c>
      <c r="D5" s="50" t="s">
        <v>454</v>
      </c>
      <c r="E5" s="50" t="s">
        <v>455</v>
      </c>
      <c r="F5" s="51" t="s">
        <v>403</v>
      </c>
      <c r="H5">
        <f>1152+210</f>
        <v>1362</v>
      </c>
    </row>
    <row r="7" spans="2:8" ht="36.5" x14ac:dyDescent="0.35">
      <c r="C7" s="70" t="s">
        <v>460</v>
      </c>
      <c r="D7" s="70" t="s">
        <v>461</v>
      </c>
      <c r="E7" s="70" t="s">
        <v>462</v>
      </c>
    </row>
    <row r="9" spans="2:8" x14ac:dyDescent="0.35">
      <c r="B9" s="96" t="s">
        <v>456</v>
      </c>
      <c r="C9" s="97"/>
      <c r="D9" s="97"/>
      <c r="E9" s="97"/>
      <c r="F9" s="98"/>
    </row>
    <row r="10" spans="2:8" x14ac:dyDescent="0.35">
      <c r="B10" s="49" t="s">
        <v>395</v>
      </c>
      <c r="C10" s="49" t="s">
        <v>396</v>
      </c>
      <c r="D10" s="49" t="s">
        <v>397</v>
      </c>
      <c r="E10" s="49" t="s">
        <v>398</v>
      </c>
      <c r="F10" s="49" t="s">
        <v>399</v>
      </c>
    </row>
    <row r="11" spans="2:8" ht="63" x14ac:dyDescent="0.35">
      <c r="B11" s="50" t="s">
        <v>446</v>
      </c>
      <c r="C11" s="50" t="s">
        <v>457</v>
      </c>
      <c r="D11" s="50" t="s">
        <v>458</v>
      </c>
      <c r="E11" s="50" t="s">
        <v>459</v>
      </c>
      <c r="F11" s="51" t="s">
        <v>400</v>
      </c>
    </row>
  </sheetData>
  <mergeCells count="2">
    <mergeCell ref="B3:F3"/>
    <mergeCell ref="B9:F9"/>
  </mergeCells>
  <pageMargins left="0.7" right="0.7" top="0.75" bottom="0.75" header="0.3" footer="0.3"/>
  <pageSetup paperSize="9" orientation="portrait" horizontalDpi="200" verticalDpi="20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A6"/>
  <sheetViews>
    <sheetView view="pageBreakPreview" zoomScale="93" zoomScaleNormal="100" zoomScaleSheetLayoutView="93" workbookViewId="0"/>
  </sheetViews>
  <sheetFormatPr defaultColWidth="9.1796875" defaultRowHeight="12.5" x14ac:dyDescent="0.25"/>
  <cols>
    <col min="1" max="1" width="196.1796875" style="28" customWidth="1"/>
    <col min="2" max="16384" width="9.1796875" style="24"/>
  </cols>
  <sheetData>
    <row r="1" spans="1:1" ht="15.5" x14ac:dyDescent="0.25">
      <c r="A1" s="23" t="s">
        <v>11</v>
      </c>
    </row>
    <row r="2" spans="1:1" ht="23.25" customHeight="1" x14ac:dyDescent="0.3">
      <c r="A2" s="25" t="s">
        <v>12</v>
      </c>
    </row>
    <row r="3" spans="1:1" ht="309.75" customHeight="1" x14ac:dyDescent="0.25">
      <c r="A3" s="26" t="s">
        <v>384</v>
      </c>
    </row>
    <row r="4" spans="1:1" ht="29.25" customHeight="1" x14ac:dyDescent="0.3">
      <c r="A4" s="25" t="s">
        <v>13</v>
      </c>
    </row>
    <row r="5" spans="1:1" ht="96.75" customHeight="1" x14ac:dyDescent="0.25">
      <c r="A5" s="26" t="s">
        <v>385</v>
      </c>
    </row>
    <row r="6" spans="1:1" ht="21.75" customHeight="1" x14ac:dyDescent="0.25">
      <c r="A6" s="27" t="s">
        <v>386</v>
      </c>
    </row>
  </sheetData>
  <hyperlinks>
    <hyperlink ref="A6" location="'Automotive DR Survey'!A1" display="BACK TO SURVEY" xr:uid="{00000000-0004-0000-0200-000000000000}"/>
  </hyperlinks>
  <pageMargins left="0.7" right="0.7" top="0.75" bottom="0.75" header="0.3" footer="0.3"/>
  <pageSetup paperSize="9" scale="94"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AT173"/>
  <sheetViews>
    <sheetView view="pageBreakPreview" topLeftCell="G1" zoomScale="60" zoomScaleNormal="100" workbookViewId="0">
      <selection activeCell="N6" sqref="N6"/>
    </sheetView>
  </sheetViews>
  <sheetFormatPr defaultColWidth="9.1796875" defaultRowHeight="11.5" x14ac:dyDescent="0.25"/>
  <cols>
    <col min="1" max="1" width="1.54296875" style="22" customWidth="1"/>
    <col min="2" max="2" width="78.1796875" style="21" bestFit="1" customWidth="1"/>
    <col min="3" max="3" width="1.54296875" style="22" customWidth="1"/>
    <col min="4" max="4" width="31.81640625" style="20" customWidth="1"/>
    <col min="5" max="5" width="1.453125" style="22" customWidth="1"/>
    <col min="6" max="6" width="31.81640625" style="20" customWidth="1"/>
    <col min="7" max="7" width="1.453125" style="22" customWidth="1"/>
    <col min="8" max="8" width="15.54296875" style="20" customWidth="1"/>
    <col min="9" max="9" width="2" style="22" customWidth="1"/>
    <col min="10" max="10" width="41.1796875" style="20" customWidth="1"/>
    <col min="11" max="11" width="2.1796875" style="22" customWidth="1"/>
    <col min="12" max="12" width="13.1796875" style="22" customWidth="1"/>
    <col min="13" max="13" width="16.7265625" style="22" customWidth="1"/>
    <col min="14" max="14" width="29" style="20" customWidth="1"/>
    <col min="15" max="15" width="29" style="20" bestFit="1" customWidth="1"/>
    <col min="16" max="16" width="45.7265625" style="20" customWidth="1"/>
    <col min="17" max="16384" width="9.1796875" style="20"/>
  </cols>
  <sheetData>
    <row r="1" spans="1:46" s="14" customFormat="1" ht="18.75" customHeight="1" x14ac:dyDescent="0.25">
      <c r="A1" s="12"/>
      <c r="B1" s="11" t="s">
        <v>18</v>
      </c>
      <c r="C1" s="12"/>
      <c r="D1" s="11" t="s">
        <v>19</v>
      </c>
      <c r="E1" s="12"/>
      <c r="F1" s="11" t="s">
        <v>20</v>
      </c>
      <c r="G1" s="12"/>
      <c r="H1" s="11" t="s">
        <v>21</v>
      </c>
      <c r="I1" s="12"/>
      <c r="J1" s="11" t="s">
        <v>22</v>
      </c>
      <c r="K1" s="12"/>
      <c r="L1" s="12" t="s">
        <v>387</v>
      </c>
      <c r="M1" s="12" t="s">
        <v>390</v>
      </c>
      <c r="N1" s="11" t="s">
        <v>691</v>
      </c>
      <c r="O1" s="11" t="s">
        <v>8</v>
      </c>
      <c r="P1" s="11" t="s">
        <v>391</v>
      </c>
      <c r="Q1" s="13"/>
      <c r="R1" s="13"/>
      <c r="S1" s="13"/>
      <c r="T1" s="13"/>
      <c r="U1" s="13"/>
      <c r="V1" s="13"/>
      <c r="W1" s="13"/>
      <c r="X1" s="13"/>
      <c r="Y1" s="13"/>
      <c r="Z1" s="13"/>
      <c r="AA1" s="13"/>
      <c r="AB1" s="13"/>
      <c r="AC1" s="13"/>
      <c r="AD1" s="13"/>
      <c r="AE1" s="13"/>
      <c r="AF1" s="13"/>
      <c r="AG1" s="13"/>
      <c r="AH1" s="13"/>
      <c r="AI1" s="13"/>
      <c r="AJ1" s="13"/>
      <c r="AK1" s="13"/>
      <c r="AL1" s="13"/>
      <c r="AM1" s="13"/>
      <c r="AN1" s="13"/>
      <c r="AO1" s="13"/>
      <c r="AP1" s="13"/>
      <c r="AQ1" s="13"/>
      <c r="AR1" s="13"/>
      <c r="AS1" s="13"/>
      <c r="AT1" s="13"/>
    </row>
    <row r="2" spans="1:46" ht="14" x14ac:dyDescent="0.3">
      <c r="A2" s="16"/>
      <c r="B2" s="15" t="s">
        <v>24</v>
      </c>
      <c r="C2" s="16"/>
      <c r="D2" s="17" t="s">
        <v>14</v>
      </c>
      <c r="E2" s="16"/>
      <c r="F2" s="18" t="s">
        <v>25</v>
      </c>
      <c r="G2" s="19"/>
      <c r="H2" s="18" t="s">
        <v>26</v>
      </c>
      <c r="I2" s="19"/>
      <c r="J2" s="17" t="s">
        <v>27</v>
      </c>
      <c r="K2" s="16"/>
      <c r="L2" s="16" t="s">
        <v>26</v>
      </c>
      <c r="M2" s="43">
        <v>1</v>
      </c>
      <c r="N2" s="17" t="s">
        <v>702</v>
      </c>
      <c r="O2" s="17" t="s">
        <v>28</v>
      </c>
      <c r="P2" s="15" t="s">
        <v>23</v>
      </c>
    </row>
    <row r="3" spans="1:46" ht="14" x14ac:dyDescent="0.3">
      <c r="A3" s="16"/>
      <c r="B3" s="15" t="s">
        <v>30</v>
      </c>
      <c r="C3" s="16"/>
      <c r="D3" s="17" t="s">
        <v>15</v>
      </c>
      <c r="E3" s="16"/>
      <c r="F3" s="18">
        <v>1</v>
      </c>
      <c r="G3" s="19"/>
      <c r="H3" s="18" t="s">
        <v>31</v>
      </c>
      <c r="I3" s="19"/>
      <c r="J3" s="17" t="s">
        <v>32</v>
      </c>
      <c r="K3" s="16"/>
      <c r="L3" s="16" t="s">
        <v>31</v>
      </c>
      <c r="M3" s="43">
        <v>2</v>
      </c>
      <c r="N3" s="17" t="s">
        <v>703</v>
      </c>
      <c r="O3" s="17" t="s">
        <v>33</v>
      </c>
      <c r="P3" s="15" t="s">
        <v>29</v>
      </c>
    </row>
    <row r="4" spans="1:46" ht="14" x14ac:dyDescent="0.3">
      <c r="A4" s="16"/>
      <c r="B4" s="15" t="s">
        <v>35</v>
      </c>
      <c r="C4" s="16"/>
      <c r="D4" s="17" t="s">
        <v>16</v>
      </c>
      <c r="E4" s="16"/>
      <c r="F4" s="18">
        <v>2</v>
      </c>
      <c r="G4" s="19"/>
      <c r="H4" s="17"/>
      <c r="I4" s="16"/>
      <c r="J4" s="17" t="s">
        <v>36</v>
      </c>
      <c r="K4" s="16"/>
      <c r="L4" s="16"/>
      <c r="M4" s="43">
        <v>3</v>
      </c>
      <c r="N4" s="17" t="s">
        <v>704</v>
      </c>
      <c r="O4" s="17" t="s">
        <v>37</v>
      </c>
      <c r="P4" s="15" t="s">
        <v>34</v>
      </c>
    </row>
    <row r="5" spans="1:46" ht="14" x14ac:dyDescent="0.3">
      <c r="A5" s="16"/>
      <c r="B5" s="15" t="s">
        <v>39</v>
      </c>
      <c r="C5" s="16"/>
      <c r="D5" s="17" t="s">
        <v>17</v>
      </c>
      <c r="E5" s="16"/>
      <c r="F5" s="18">
        <v>3</v>
      </c>
      <c r="G5" s="19"/>
      <c r="H5" s="17"/>
      <c r="I5" s="16"/>
      <c r="J5" s="17"/>
      <c r="K5" s="16"/>
      <c r="L5" s="16"/>
      <c r="M5" s="43">
        <v>4</v>
      </c>
      <c r="N5" s="17" t="s">
        <v>705</v>
      </c>
      <c r="O5" s="17" t="s">
        <v>40</v>
      </c>
      <c r="P5" s="15" t="s">
        <v>38</v>
      </c>
    </row>
    <row r="6" spans="1:46" ht="14" x14ac:dyDescent="0.3">
      <c r="A6" s="16"/>
      <c r="B6" s="15" t="s">
        <v>42</v>
      </c>
      <c r="C6" s="16"/>
      <c r="D6" s="17"/>
      <c r="E6" s="16"/>
      <c r="F6" s="18">
        <v>4</v>
      </c>
      <c r="G6" s="19"/>
      <c r="H6" s="17"/>
      <c r="I6" s="16"/>
      <c r="J6" s="17"/>
      <c r="K6" s="16"/>
      <c r="L6" s="16"/>
      <c r="M6" s="43">
        <v>5</v>
      </c>
      <c r="N6" s="17"/>
      <c r="O6" s="17" t="s">
        <v>43</v>
      </c>
      <c r="P6" s="15" t="s">
        <v>41</v>
      </c>
    </row>
    <row r="7" spans="1:46" ht="14" x14ac:dyDescent="0.3">
      <c r="A7" s="16"/>
      <c r="B7" s="15" t="s">
        <v>45</v>
      </c>
      <c r="C7" s="16"/>
      <c r="D7" s="17"/>
      <c r="E7" s="16"/>
      <c r="F7" s="18">
        <v>5</v>
      </c>
      <c r="G7" s="19"/>
      <c r="H7" s="17"/>
      <c r="I7" s="16"/>
      <c r="J7" s="17"/>
      <c r="K7" s="16"/>
      <c r="L7" s="16"/>
      <c r="M7" s="19" t="s">
        <v>25</v>
      </c>
      <c r="N7" s="17"/>
      <c r="O7" s="17" t="s">
        <v>46</v>
      </c>
      <c r="P7" s="15" t="s">
        <v>44</v>
      </c>
    </row>
    <row r="8" spans="1:46" ht="14" x14ac:dyDescent="0.3">
      <c r="A8" s="16"/>
      <c r="B8" s="15" t="s">
        <v>48</v>
      </c>
      <c r="C8" s="16"/>
      <c r="D8" s="17"/>
      <c r="E8" s="16"/>
      <c r="F8" s="17"/>
      <c r="G8" s="16"/>
      <c r="H8" s="17"/>
      <c r="I8" s="16"/>
      <c r="J8" s="17"/>
      <c r="K8" s="16"/>
      <c r="L8" s="16"/>
      <c r="M8" s="16"/>
      <c r="N8" s="17"/>
      <c r="O8" s="17" t="s">
        <v>49</v>
      </c>
      <c r="P8" s="15" t="s">
        <v>47</v>
      </c>
    </row>
    <row r="9" spans="1:46" ht="14" x14ac:dyDescent="0.3">
      <c r="A9" s="16"/>
      <c r="B9" s="15" t="s">
        <v>51</v>
      </c>
      <c r="C9" s="16"/>
      <c r="D9" s="17"/>
      <c r="E9" s="16"/>
      <c r="F9" s="17"/>
      <c r="G9" s="16"/>
      <c r="H9" s="17"/>
      <c r="I9" s="16"/>
      <c r="J9" s="17"/>
      <c r="K9" s="16"/>
      <c r="L9" s="16"/>
      <c r="M9" s="16"/>
      <c r="N9" s="17"/>
      <c r="O9" s="17" t="s">
        <v>52</v>
      </c>
      <c r="P9" s="15" t="s">
        <v>50</v>
      </c>
    </row>
    <row r="10" spans="1:46" ht="14" x14ac:dyDescent="0.3">
      <c r="A10" s="16"/>
      <c r="B10" s="15" t="s">
        <v>54</v>
      </c>
      <c r="C10" s="16"/>
      <c r="D10" s="17"/>
      <c r="E10" s="16"/>
      <c r="F10" s="17"/>
      <c r="G10" s="16"/>
      <c r="H10" s="17"/>
      <c r="I10" s="16"/>
      <c r="J10" s="17"/>
      <c r="K10" s="16"/>
      <c r="L10" s="16"/>
      <c r="M10" s="16"/>
      <c r="N10" s="17"/>
      <c r="O10" s="17" t="s">
        <v>55</v>
      </c>
      <c r="P10" s="15" t="s">
        <v>53</v>
      </c>
    </row>
    <row r="11" spans="1:46" ht="14" x14ac:dyDescent="0.3">
      <c r="A11" s="16"/>
      <c r="B11" s="15" t="s">
        <v>57</v>
      </c>
      <c r="C11" s="16"/>
      <c r="D11" s="17"/>
      <c r="E11" s="16"/>
      <c r="F11" s="17"/>
      <c r="G11" s="16"/>
      <c r="H11" s="17"/>
      <c r="I11" s="16"/>
      <c r="J11" s="17"/>
      <c r="K11" s="16"/>
      <c r="L11" s="16"/>
      <c r="M11" s="16"/>
      <c r="N11" s="17"/>
      <c r="O11" s="17" t="s">
        <v>58</v>
      </c>
      <c r="P11" s="15" t="s">
        <v>56</v>
      </c>
    </row>
    <row r="12" spans="1:46" ht="14" x14ac:dyDescent="0.3">
      <c r="A12" s="16"/>
      <c r="B12" s="15" t="s">
        <v>60</v>
      </c>
      <c r="C12" s="16"/>
      <c r="D12" s="17"/>
      <c r="E12" s="16"/>
      <c r="F12" s="17"/>
      <c r="G12" s="16"/>
      <c r="H12" s="17"/>
      <c r="I12" s="16"/>
      <c r="J12" s="17"/>
      <c r="K12" s="16"/>
      <c r="L12" s="16"/>
      <c r="M12" s="16"/>
      <c r="N12" s="17"/>
      <c r="O12" s="17" t="s">
        <v>61</v>
      </c>
      <c r="P12" s="15" t="s">
        <v>59</v>
      </c>
    </row>
    <row r="13" spans="1:46" ht="14" x14ac:dyDescent="0.3">
      <c r="A13" s="16"/>
      <c r="B13" s="15" t="s">
        <v>63</v>
      </c>
      <c r="C13" s="16"/>
      <c r="D13" s="17"/>
      <c r="E13" s="16"/>
      <c r="F13" s="17"/>
      <c r="G13" s="16"/>
      <c r="H13" s="17"/>
      <c r="I13" s="16"/>
      <c r="J13" s="17"/>
      <c r="K13" s="16"/>
      <c r="L13" s="16"/>
      <c r="M13" s="16"/>
      <c r="N13" s="17"/>
      <c r="O13" s="17" t="s">
        <v>64</v>
      </c>
      <c r="P13" s="15" t="s">
        <v>62</v>
      </c>
    </row>
    <row r="14" spans="1:46" ht="14" x14ac:dyDescent="0.3">
      <c r="A14" s="16"/>
      <c r="B14" s="15" t="s">
        <v>66</v>
      </c>
      <c r="C14" s="16"/>
      <c r="D14" s="17"/>
      <c r="E14" s="16"/>
      <c r="F14" s="17"/>
      <c r="G14" s="16"/>
      <c r="H14" s="17"/>
      <c r="I14" s="16"/>
      <c r="J14" s="17"/>
      <c r="K14" s="16"/>
      <c r="L14" s="16"/>
      <c r="M14" s="16"/>
      <c r="N14" s="17"/>
      <c r="O14" s="17" t="s">
        <v>67</v>
      </c>
      <c r="P14" s="15" t="s">
        <v>65</v>
      </c>
    </row>
    <row r="15" spans="1:46" ht="14" x14ac:dyDescent="0.3">
      <c r="A15" s="16"/>
      <c r="B15" s="15" t="s">
        <v>69</v>
      </c>
      <c r="C15" s="16"/>
      <c r="D15" s="17"/>
      <c r="E15" s="16"/>
      <c r="F15" s="17"/>
      <c r="G15" s="16"/>
      <c r="H15" s="17"/>
      <c r="I15" s="16"/>
      <c r="J15" s="17"/>
      <c r="K15" s="16"/>
      <c r="L15" s="16"/>
      <c r="M15" s="16"/>
      <c r="N15" s="17"/>
      <c r="O15" s="17" t="s">
        <v>70</v>
      </c>
      <c r="P15" s="15" t="s">
        <v>68</v>
      </c>
    </row>
    <row r="16" spans="1:46" ht="14" x14ac:dyDescent="0.3">
      <c r="A16" s="16"/>
      <c r="B16" s="15" t="s">
        <v>72</v>
      </c>
      <c r="C16" s="16"/>
      <c r="D16" s="17"/>
      <c r="E16" s="16"/>
      <c r="F16" s="17"/>
      <c r="G16" s="16"/>
      <c r="H16" s="17"/>
      <c r="I16" s="16"/>
      <c r="J16" s="17"/>
      <c r="K16" s="16"/>
      <c r="L16" s="16"/>
      <c r="M16" s="16"/>
      <c r="N16" s="17"/>
      <c r="O16" s="17" t="s">
        <v>73</v>
      </c>
      <c r="P16" s="15" t="s">
        <v>71</v>
      </c>
    </row>
    <row r="17" spans="1:16" ht="14" x14ac:dyDescent="0.3">
      <c r="A17" s="16"/>
      <c r="B17" s="15" t="s">
        <v>75</v>
      </c>
      <c r="C17" s="16"/>
      <c r="D17" s="17"/>
      <c r="E17" s="16"/>
      <c r="F17" s="17"/>
      <c r="G17" s="16"/>
      <c r="H17" s="17"/>
      <c r="I17" s="16"/>
      <c r="J17" s="17"/>
      <c r="K17" s="16"/>
      <c r="L17" s="16"/>
      <c r="M17" s="16"/>
      <c r="N17" s="17"/>
      <c r="O17" s="17" t="s">
        <v>76</v>
      </c>
      <c r="P17" s="15" t="s">
        <v>74</v>
      </c>
    </row>
    <row r="18" spans="1:16" ht="14" x14ac:dyDescent="0.3">
      <c r="A18" s="16"/>
      <c r="B18" s="15" t="s">
        <v>78</v>
      </c>
      <c r="C18" s="16"/>
      <c r="D18" s="17"/>
      <c r="E18" s="16"/>
      <c r="F18" s="17"/>
      <c r="G18" s="16"/>
      <c r="H18" s="17"/>
      <c r="I18" s="16"/>
      <c r="J18" s="17"/>
      <c r="K18" s="16"/>
      <c r="L18" s="16"/>
      <c r="M18" s="16"/>
      <c r="N18" s="17"/>
      <c r="O18" s="17" t="s">
        <v>79</v>
      </c>
      <c r="P18" s="15" t="s">
        <v>77</v>
      </c>
    </row>
    <row r="19" spans="1:16" ht="14" x14ac:dyDescent="0.3">
      <c r="A19" s="16"/>
      <c r="B19" s="15" t="s">
        <v>81</v>
      </c>
      <c r="C19" s="16"/>
      <c r="D19" s="17"/>
      <c r="E19" s="16"/>
      <c r="F19" s="17"/>
      <c r="G19" s="16"/>
      <c r="H19" s="17"/>
      <c r="I19" s="16"/>
      <c r="J19" s="17"/>
      <c r="K19" s="16"/>
      <c r="L19" s="16"/>
      <c r="M19" s="16"/>
      <c r="N19" s="17"/>
      <c r="O19" s="17" t="s">
        <v>82</v>
      </c>
      <c r="P19" s="15" t="s">
        <v>80</v>
      </c>
    </row>
    <row r="20" spans="1:16" ht="14" x14ac:dyDescent="0.3">
      <c r="A20" s="16"/>
      <c r="B20" s="15" t="s">
        <v>84</v>
      </c>
      <c r="C20" s="16"/>
      <c r="D20" s="17"/>
      <c r="E20" s="16"/>
      <c r="F20" s="17"/>
      <c r="G20" s="16"/>
      <c r="H20" s="17"/>
      <c r="I20" s="16"/>
      <c r="J20" s="17"/>
      <c r="K20" s="16"/>
      <c r="L20" s="16"/>
      <c r="M20" s="16"/>
      <c r="N20" s="17"/>
      <c r="O20" s="17" t="s">
        <v>85</v>
      </c>
      <c r="P20" s="15" t="s">
        <v>83</v>
      </c>
    </row>
    <row r="21" spans="1:16" ht="14" x14ac:dyDescent="0.3">
      <c r="A21" s="16"/>
      <c r="B21" s="15" t="s">
        <v>87</v>
      </c>
      <c r="C21" s="16"/>
      <c r="D21" s="17"/>
      <c r="E21" s="16"/>
      <c r="F21" s="17"/>
      <c r="G21" s="16"/>
      <c r="H21" s="17"/>
      <c r="I21" s="16"/>
      <c r="J21" s="17"/>
      <c r="K21" s="16"/>
      <c r="L21" s="16"/>
      <c r="M21" s="16"/>
      <c r="N21" s="17"/>
      <c r="O21" s="17" t="s">
        <v>88</v>
      </c>
      <c r="P21" s="15" t="s">
        <v>86</v>
      </c>
    </row>
    <row r="22" spans="1:16" ht="14" x14ac:dyDescent="0.3">
      <c r="A22" s="16"/>
      <c r="B22" s="15" t="s">
        <v>90</v>
      </c>
      <c r="C22" s="16"/>
      <c r="D22" s="17"/>
      <c r="E22" s="16"/>
      <c r="F22" s="17"/>
      <c r="G22" s="16"/>
      <c r="H22" s="17"/>
      <c r="I22" s="16"/>
      <c r="J22" s="17"/>
      <c r="K22" s="16"/>
      <c r="L22" s="16"/>
      <c r="M22" s="16"/>
      <c r="N22" s="17"/>
      <c r="O22" s="17" t="s">
        <v>91</v>
      </c>
      <c r="P22" s="15" t="s">
        <v>89</v>
      </c>
    </row>
    <row r="23" spans="1:16" ht="14" x14ac:dyDescent="0.3">
      <c r="A23" s="16"/>
      <c r="B23" s="15" t="s">
        <v>93</v>
      </c>
      <c r="C23" s="16"/>
      <c r="D23" s="17"/>
      <c r="E23" s="16"/>
      <c r="F23" s="17"/>
      <c r="G23" s="16"/>
      <c r="H23" s="17"/>
      <c r="I23" s="16"/>
      <c r="J23" s="17"/>
      <c r="K23" s="16"/>
      <c r="L23" s="16"/>
      <c r="M23" s="16"/>
      <c r="N23" s="17"/>
      <c r="O23" s="17" t="s">
        <v>94</v>
      </c>
      <c r="P23" s="15" t="s">
        <v>92</v>
      </c>
    </row>
    <row r="24" spans="1:16" ht="14" x14ac:dyDescent="0.3">
      <c r="A24" s="16"/>
      <c r="B24" s="15" t="s">
        <v>96</v>
      </c>
      <c r="C24" s="16"/>
      <c r="D24" s="17"/>
      <c r="E24" s="16"/>
      <c r="F24" s="17"/>
      <c r="G24" s="16"/>
      <c r="H24" s="17"/>
      <c r="I24" s="16"/>
      <c r="J24" s="17"/>
      <c r="K24" s="16"/>
      <c r="L24" s="16"/>
      <c r="M24" s="16"/>
      <c r="N24" s="17"/>
      <c r="O24" s="17" t="s">
        <v>97</v>
      </c>
      <c r="P24" s="15" t="s">
        <v>95</v>
      </c>
    </row>
    <row r="25" spans="1:16" ht="14" x14ac:dyDescent="0.3">
      <c r="A25" s="16"/>
      <c r="B25" s="15" t="s">
        <v>99</v>
      </c>
      <c r="C25" s="16"/>
      <c r="D25" s="17"/>
      <c r="E25" s="16"/>
      <c r="F25" s="17"/>
      <c r="G25" s="16"/>
      <c r="H25" s="17"/>
      <c r="I25" s="16"/>
      <c r="J25" s="17"/>
      <c r="K25" s="16"/>
      <c r="L25" s="16"/>
      <c r="M25" s="16"/>
      <c r="N25" s="17"/>
      <c r="O25" s="17" t="s">
        <v>100</v>
      </c>
      <c r="P25" s="15" t="s">
        <v>98</v>
      </c>
    </row>
    <row r="26" spans="1:16" ht="14" x14ac:dyDescent="0.3">
      <c r="A26" s="16"/>
      <c r="B26" s="15" t="s">
        <v>102</v>
      </c>
      <c r="C26" s="16"/>
      <c r="D26" s="17"/>
      <c r="E26" s="16"/>
      <c r="F26" s="17"/>
      <c r="G26" s="16"/>
      <c r="H26" s="17"/>
      <c r="I26" s="16"/>
      <c r="J26" s="17"/>
      <c r="K26" s="16"/>
      <c r="L26" s="16"/>
      <c r="M26" s="16"/>
      <c r="N26" s="17"/>
      <c r="O26" s="17" t="s">
        <v>103</v>
      </c>
      <c r="P26" s="15" t="s">
        <v>101</v>
      </c>
    </row>
    <row r="27" spans="1:16" ht="14" x14ac:dyDescent="0.3">
      <c r="A27" s="16"/>
      <c r="B27" s="15" t="s">
        <v>105</v>
      </c>
      <c r="C27" s="16"/>
      <c r="D27" s="17"/>
      <c r="E27" s="16"/>
      <c r="F27" s="17"/>
      <c r="G27" s="16"/>
      <c r="H27" s="17"/>
      <c r="I27" s="16"/>
      <c r="J27" s="17"/>
      <c r="K27" s="16"/>
      <c r="L27" s="16"/>
      <c r="M27" s="16"/>
      <c r="N27" s="17"/>
      <c r="O27" s="17" t="s">
        <v>106</v>
      </c>
      <c r="P27" s="15" t="s">
        <v>104</v>
      </c>
    </row>
    <row r="28" spans="1:16" ht="14" x14ac:dyDescent="0.3">
      <c r="A28" s="16"/>
      <c r="B28" s="15" t="s">
        <v>108</v>
      </c>
      <c r="C28" s="16"/>
      <c r="D28" s="17"/>
      <c r="E28" s="16"/>
      <c r="F28" s="17"/>
      <c r="G28" s="16"/>
      <c r="H28" s="17"/>
      <c r="I28" s="16"/>
      <c r="J28" s="17"/>
      <c r="K28" s="16"/>
      <c r="L28" s="16"/>
      <c r="M28" s="16"/>
      <c r="N28" s="17"/>
      <c r="O28" s="17" t="s">
        <v>109</v>
      </c>
      <c r="P28" s="15" t="s">
        <v>107</v>
      </c>
    </row>
    <row r="29" spans="1:16" ht="14" x14ac:dyDescent="0.3">
      <c r="A29" s="16"/>
      <c r="B29" s="15" t="s">
        <v>111</v>
      </c>
      <c r="C29" s="16"/>
      <c r="D29" s="17"/>
      <c r="E29" s="16"/>
      <c r="F29" s="17"/>
      <c r="G29" s="16"/>
      <c r="H29" s="17"/>
      <c r="I29" s="16"/>
      <c r="J29" s="17"/>
      <c r="K29" s="16"/>
      <c r="L29" s="16"/>
      <c r="M29" s="16"/>
      <c r="N29" s="17"/>
      <c r="O29" s="17" t="s">
        <v>112</v>
      </c>
      <c r="P29" s="15" t="s">
        <v>110</v>
      </c>
    </row>
    <row r="30" spans="1:16" ht="14" x14ac:dyDescent="0.3">
      <c r="A30" s="16"/>
      <c r="B30" s="15" t="s">
        <v>114</v>
      </c>
      <c r="C30" s="16"/>
      <c r="D30" s="17"/>
      <c r="E30" s="16"/>
      <c r="F30" s="17"/>
      <c r="G30" s="16"/>
      <c r="H30" s="17"/>
      <c r="I30" s="16"/>
      <c r="J30" s="17"/>
      <c r="K30" s="16"/>
      <c r="L30" s="16"/>
      <c r="M30" s="16"/>
      <c r="N30" s="17"/>
      <c r="O30" s="17" t="s">
        <v>115</v>
      </c>
      <c r="P30" s="15" t="s">
        <v>113</v>
      </c>
    </row>
    <row r="31" spans="1:16" ht="14" x14ac:dyDescent="0.3">
      <c r="A31" s="16"/>
      <c r="B31" s="15" t="s">
        <v>117</v>
      </c>
      <c r="C31" s="16"/>
      <c r="D31" s="17"/>
      <c r="E31" s="16"/>
      <c r="F31" s="17"/>
      <c r="G31" s="16"/>
      <c r="H31" s="17"/>
      <c r="I31" s="16"/>
      <c r="J31" s="17"/>
      <c r="K31" s="16"/>
      <c r="L31" s="16"/>
      <c r="M31" s="16"/>
      <c r="N31" s="17"/>
      <c r="O31" s="17" t="s">
        <v>118</v>
      </c>
      <c r="P31" s="15" t="s">
        <v>116</v>
      </c>
    </row>
    <row r="32" spans="1:16" ht="14" x14ac:dyDescent="0.3">
      <c r="A32" s="16"/>
      <c r="B32" s="15" t="s">
        <v>119</v>
      </c>
      <c r="C32" s="16"/>
      <c r="D32" s="17"/>
      <c r="E32" s="16"/>
      <c r="F32" s="17"/>
      <c r="G32" s="16"/>
      <c r="H32" s="17"/>
      <c r="I32" s="16"/>
      <c r="J32" s="17"/>
      <c r="K32" s="16"/>
      <c r="L32" s="16"/>
      <c r="M32" s="16"/>
      <c r="N32" s="17"/>
      <c r="O32" s="17" t="s">
        <v>120</v>
      </c>
      <c r="P32" s="17"/>
    </row>
    <row r="33" spans="1:16" ht="14" x14ac:dyDescent="0.3">
      <c r="A33" s="16"/>
      <c r="B33" s="15" t="s">
        <v>121</v>
      </c>
      <c r="C33" s="16"/>
      <c r="D33" s="17"/>
      <c r="E33" s="16"/>
      <c r="F33" s="17"/>
      <c r="G33" s="16"/>
      <c r="H33" s="17"/>
      <c r="I33" s="16"/>
      <c r="J33" s="17"/>
      <c r="K33" s="16"/>
      <c r="L33" s="16"/>
      <c r="M33" s="16"/>
      <c r="N33" s="17"/>
      <c r="O33" s="17" t="s">
        <v>122</v>
      </c>
      <c r="P33" s="17"/>
    </row>
    <row r="34" spans="1:16" ht="14" x14ac:dyDescent="0.3">
      <c r="A34" s="16"/>
      <c r="B34" s="15" t="s">
        <v>123</v>
      </c>
      <c r="C34" s="16"/>
      <c r="D34" s="17"/>
      <c r="E34" s="16"/>
      <c r="F34" s="17"/>
      <c r="G34" s="16"/>
      <c r="H34" s="17"/>
      <c r="I34" s="16"/>
      <c r="J34" s="17"/>
      <c r="K34" s="16"/>
      <c r="L34" s="16"/>
      <c r="M34" s="16"/>
      <c r="N34" s="17"/>
      <c r="O34" s="17" t="s">
        <v>124</v>
      </c>
      <c r="P34" s="17"/>
    </row>
    <row r="35" spans="1:16" ht="14" x14ac:dyDescent="0.3">
      <c r="A35" s="16"/>
      <c r="B35" s="15" t="s">
        <v>125</v>
      </c>
      <c r="C35" s="16"/>
      <c r="D35" s="17"/>
      <c r="E35" s="16"/>
      <c r="F35" s="17"/>
      <c r="G35" s="16"/>
      <c r="H35" s="17"/>
      <c r="I35" s="16"/>
      <c r="J35" s="17"/>
      <c r="K35" s="16"/>
      <c r="L35" s="16"/>
      <c r="M35" s="16"/>
      <c r="N35" s="17"/>
      <c r="O35" s="17" t="s">
        <v>126</v>
      </c>
      <c r="P35" s="17"/>
    </row>
    <row r="36" spans="1:16" ht="14" x14ac:dyDescent="0.3">
      <c r="A36" s="16"/>
      <c r="B36" s="15" t="s">
        <v>127</v>
      </c>
      <c r="C36" s="16"/>
      <c r="D36" s="17"/>
      <c r="E36" s="16"/>
      <c r="F36" s="17"/>
      <c r="G36" s="16"/>
      <c r="H36" s="17"/>
      <c r="I36" s="16"/>
      <c r="J36" s="17"/>
      <c r="K36" s="16"/>
      <c r="L36" s="16"/>
      <c r="M36" s="16"/>
      <c r="N36" s="17"/>
      <c r="O36" s="17" t="s">
        <v>128</v>
      </c>
      <c r="P36" s="17"/>
    </row>
    <row r="37" spans="1:16" ht="14" x14ac:dyDescent="0.3">
      <c r="A37" s="16"/>
      <c r="B37" s="15" t="s">
        <v>129</v>
      </c>
      <c r="C37" s="16"/>
      <c r="D37" s="17"/>
      <c r="E37" s="16"/>
      <c r="F37" s="17"/>
      <c r="G37" s="16"/>
      <c r="H37" s="17"/>
      <c r="I37" s="16"/>
      <c r="J37" s="17"/>
      <c r="K37" s="16"/>
      <c r="L37" s="16"/>
      <c r="M37" s="16"/>
      <c r="N37" s="17"/>
      <c r="O37" s="17" t="s">
        <v>130</v>
      </c>
      <c r="P37" s="17"/>
    </row>
    <row r="38" spans="1:16" ht="14" x14ac:dyDescent="0.3">
      <c r="A38" s="16"/>
      <c r="B38" s="15" t="s">
        <v>131</v>
      </c>
      <c r="C38" s="16"/>
      <c r="D38" s="17"/>
      <c r="E38" s="16"/>
      <c r="F38" s="17"/>
      <c r="G38" s="16"/>
      <c r="H38" s="17"/>
      <c r="I38" s="16"/>
      <c r="J38" s="17"/>
      <c r="K38" s="16"/>
      <c r="L38" s="16"/>
      <c r="M38" s="16"/>
      <c r="N38" s="17"/>
      <c r="O38" s="17" t="s">
        <v>132</v>
      </c>
      <c r="P38" s="17"/>
    </row>
    <row r="39" spans="1:16" ht="14" x14ac:dyDescent="0.3">
      <c r="A39" s="16"/>
      <c r="B39" s="15" t="s">
        <v>133</v>
      </c>
      <c r="C39" s="16"/>
      <c r="D39" s="17"/>
      <c r="E39" s="16"/>
      <c r="F39" s="17"/>
      <c r="G39" s="16"/>
      <c r="H39" s="17"/>
      <c r="I39" s="16"/>
      <c r="J39" s="17"/>
      <c r="K39" s="16"/>
      <c r="L39" s="16"/>
      <c r="M39" s="16"/>
      <c r="N39" s="17"/>
      <c r="O39" s="17" t="s">
        <v>134</v>
      </c>
      <c r="P39" s="17"/>
    </row>
    <row r="40" spans="1:16" ht="14" x14ac:dyDescent="0.3">
      <c r="A40" s="16"/>
      <c r="B40" s="15" t="s">
        <v>135</v>
      </c>
      <c r="C40" s="16"/>
      <c r="D40" s="17"/>
      <c r="E40" s="16"/>
      <c r="F40" s="17"/>
      <c r="G40" s="16"/>
      <c r="H40" s="17"/>
      <c r="I40" s="16"/>
      <c r="J40" s="17"/>
      <c r="K40" s="16"/>
      <c r="L40" s="16"/>
      <c r="M40" s="16"/>
      <c r="N40" s="17"/>
      <c r="O40" s="17" t="s">
        <v>136</v>
      </c>
      <c r="P40" s="17"/>
    </row>
    <row r="41" spans="1:16" ht="14" x14ac:dyDescent="0.3">
      <c r="A41" s="16"/>
      <c r="B41" s="15" t="s">
        <v>137</v>
      </c>
      <c r="C41" s="16"/>
      <c r="D41" s="17"/>
      <c r="E41" s="16"/>
      <c r="F41" s="17"/>
      <c r="G41" s="16"/>
      <c r="H41" s="17"/>
      <c r="I41" s="16"/>
      <c r="J41" s="17"/>
      <c r="K41" s="16"/>
      <c r="L41" s="16"/>
      <c r="M41" s="16"/>
      <c r="N41" s="17"/>
      <c r="O41" s="17" t="s">
        <v>138</v>
      </c>
      <c r="P41" s="17"/>
    </row>
    <row r="42" spans="1:16" ht="14" x14ac:dyDescent="0.3">
      <c r="A42" s="16"/>
      <c r="B42" s="15" t="s">
        <v>139</v>
      </c>
      <c r="C42" s="16"/>
      <c r="D42" s="17"/>
      <c r="E42" s="16"/>
      <c r="F42" s="17"/>
      <c r="G42" s="16"/>
      <c r="H42" s="17"/>
      <c r="I42" s="16"/>
      <c r="J42" s="17"/>
      <c r="K42" s="16"/>
      <c r="L42" s="16"/>
      <c r="M42" s="16"/>
      <c r="N42" s="17"/>
      <c r="O42" s="17" t="s">
        <v>140</v>
      </c>
      <c r="P42" s="17"/>
    </row>
    <row r="43" spans="1:16" ht="14" x14ac:dyDescent="0.3">
      <c r="A43" s="16"/>
      <c r="B43" s="15" t="s">
        <v>141</v>
      </c>
      <c r="C43" s="16"/>
      <c r="D43" s="17"/>
      <c r="E43" s="16"/>
      <c r="F43" s="17"/>
      <c r="G43" s="16"/>
      <c r="H43" s="17"/>
      <c r="I43" s="16"/>
      <c r="J43" s="17"/>
      <c r="K43" s="16"/>
      <c r="L43" s="16"/>
      <c r="M43" s="16"/>
      <c r="N43" s="17"/>
      <c r="O43" s="17" t="s">
        <v>142</v>
      </c>
      <c r="P43" s="17"/>
    </row>
    <row r="44" spans="1:16" ht="14" x14ac:dyDescent="0.3">
      <c r="A44" s="16"/>
      <c r="B44" s="15" t="s">
        <v>143</v>
      </c>
      <c r="C44" s="16"/>
      <c r="D44" s="17"/>
      <c r="E44" s="16"/>
      <c r="F44" s="17"/>
      <c r="G44" s="16"/>
      <c r="H44" s="17"/>
      <c r="I44" s="16"/>
      <c r="J44" s="17"/>
      <c r="K44" s="16"/>
      <c r="L44" s="16"/>
      <c r="M44" s="16"/>
      <c r="N44" s="17"/>
      <c r="O44" s="17" t="s">
        <v>144</v>
      </c>
      <c r="P44" s="17"/>
    </row>
    <row r="45" spans="1:16" ht="14" x14ac:dyDescent="0.3">
      <c r="A45" s="16"/>
      <c r="B45" s="15" t="s">
        <v>145</v>
      </c>
      <c r="C45" s="16"/>
      <c r="D45" s="17"/>
      <c r="E45" s="16"/>
      <c r="F45" s="17"/>
      <c r="G45" s="16"/>
      <c r="H45" s="17"/>
      <c r="I45" s="16"/>
      <c r="J45" s="17"/>
      <c r="K45" s="16"/>
      <c r="L45" s="16"/>
      <c r="M45" s="16"/>
      <c r="N45" s="17"/>
      <c r="O45" s="17" t="s">
        <v>146</v>
      </c>
      <c r="P45" s="17"/>
    </row>
    <row r="46" spans="1:16" ht="14" x14ac:dyDescent="0.3">
      <c r="A46" s="16"/>
      <c r="B46" s="15" t="s">
        <v>147</v>
      </c>
      <c r="C46" s="16"/>
      <c r="D46" s="17"/>
      <c r="E46" s="16"/>
      <c r="F46" s="17"/>
      <c r="G46" s="16"/>
      <c r="H46" s="17"/>
      <c r="I46" s="16"/>
      <c r="J46" s="17"/>
      <c r="K46" s="16"/>
      <c r="L46" s="16"/>
      <c r="M46" s="16"/>
      <c r="N46" s="17"/>
      <c r="O46" s="17" t="s">
        <v>148</v>
      </c>
      <c r="P46" s="17"/>
    </row>
    <row r="47" spans="1:16" ht="14" x14ac:dyDescent="0.3">
      <c r="A47" s="16"/>
      <c r="B47" s="15" t="s">
        <v>149</v>
      </c>
      <c r="C47" s="16"/>
      <c r="D47" s="17"/>
      <c r="E47" s="16"/>
      <c r="F47" s="17"/>
      <c r="G47" s="16"/>
      <c r="H47" s="17"/>
      <c r="I47" s="16"/>
      <c r="J47" s="17"/>
      <c r="K47" s="16"/>
      <c r="L47" s="16"/>
      <c r="M47" s="16"/>
      <c r="N47" s="17"/>
      <c r="O47" s="17" t="s">
        <v>150</v>
      </c>
      <c r="P47" s="17"/>
    </row>
    <row r="48" spans="1:16" ht="14" x14ac:dyDescent="0.3">
      <c r="A48" s="16"/>
      <c r="B48" s="15" t="s">
        <v>151</v>
      </c>
      <c r="C48" s="16"/>
      <c r="D48" s="17"/>
      <c r="E48" s="16"/>
      <c r="F48" s="17"/>
      <c r="G48" s="16"/>
      <c r="H48" s="17"/>
      <c r="I48" s="16"/>
      <c r="J48" s="17"/>
      <c r="K48" s="16"/>
      <c r="L48" s="16"/>
      <c r="M48" s="16"/>
      <c r="N48" s="17"/>
      <c r="O48" s="17" t="s">
        <v>152</v>
      </c>
      <c r="P48" s="17"/>
    </row>
    <row r="49" spans="1:16" ht="14" x14ac:dyDescent="0.3">
      <c r="A49" s="16"/>
      <c r="B49" s="15" t="s">
        <v>153</v>
      </c>
      <c r="C49" s="16"/>
      <c r="D49" s="17"/>
      <c r="E49" s="16"/>
      <c r="F49" s="17"/>
      <c r="G49" s="16"/>
      <c r="H49" s="17"/>
      <c r="I49" s="16"/>
      <c r="J49" s="17"/>
      <c r="K49" s="16"/>
      <c r="L49" s="16"/>
      <c r="M49" s="16"/>
      <c r="N49" s="17"/>
      <c r="O49" s="17" t="s">
        <v>154</v>
      </c>
      <c r="P49" s="17"/>
    </row>
    <row r="50" spans="1:16" ht="14" x14ac:dyDescent="0.3">
      <c r="A50" s="16"/>
      <c r="B50" s="15" t="s">
        <v>155</v>
      </c>
      <c r="C50" s="16"/>
      <c r="D50" s="17"/>
      <c r="E50" s="16"/>
      <c r="F50" s="17"/>
      <c r="G50" s="16"/>
      <c r="H50" s="17"/>
      <c r="I50" s="16"/>
      <c r="J50" s="17"/>
      <c r="K50" s="16"/>
      <c r="L50" s="16"/>
      <c r="M50" s="16"/>
      <c r="N50" s="17"/>
      <c r="O50" s="17" t="s">
        <v>156</v>
      </c>
      <c r="P50" s="17"/>
    </row>
    <row r="51" spans="1:16" ht="14" x14ac:dyDescent="0.3">
      <c r="A51" s="16"/>
      <c r="B51" s="15" t="s">
        <v>157</v>
      </c>
      <c r="C51" s="16"/>
      <c r="D51" s="17"/>
      <c r="E51" s="16"/>
      <c r="F51" s="17"/>
      <c r="G51" s="16"/>
      <c r="H51" s="17"/>
      <c r="I51" s="16"/>
      <c r="J51" s="17"/>
      <c r="K51" s="16"/>
      <c r="L51" s="16"/>
      <c r="M51" s="16"/>
      <c r="N51" s="17"/>
      <c r="O51" s="17" t="s">
        <v>158</v>
      </c>
      <c r="P51" s="17"/>
    </row>
    <row r="52" spans="1:16" ht="14" x14ac:dyDescent="0.3">
      <c r="A52" s="16"/>
      <c r="B52" s="15" t="s">
        <v>159</v>
      </c>
      <c r="C52" s="16"/>
      <c r="D52" s="17"/>
      <c r="E52" s="16"/>
      <c r="F52" s="17"/>
      <c r="G52" s="16"/>
      <c r="H52" s="17"/>
      <c r="I52" s="16"/>
      <c r="J52" s="17"/>
      <c r="K52" s="16"/>
      <c r="L52" s="16"/>
      <c r="M52" s="16"/>
      <c r="N52" s="17"/>
      <c r="O52" s="17" t="s">
        <v>160</v>
      </c>
      <c r="P52" s="17"/>
    </row>
    <row r="53" spans="1:16" ht="14" x14ac:dyDescent="0.3">
      <c r="A53" s="16"/>
      <c r="B53" s="15" t="s">
        <v>161</v>
      </c>
      <c r="C53" s="16"/>
      <c r="D53" s="17"/>
      <c r="E53" s="16"/>
      <c r="F53" s="17"/>
      <c r="G53" s="16"/>
      <c r="H53" s="17"/>
      <c r="I53" s="16"/>
      <c r="J53" s="17"/>
      <c r="K53" s="16"/>
      <c r="L53" s="16"/>
      <c r="M53" s="16"/>
      <c r="N53" s="17"/>
      <c r="O53" s="17" t="s">
        <v>162</v>
      </c>
      <c r="P53" s="17"/>
    </row>
    <row r="54" spans="1:16" ht="14" x14ac:dyDescent="0.3">
      <c r="A54" s="16"/>
      <c r="B54" s="15" t="s">
        <v>163</v>
      </c>
      <c r="C54" s="16"/>
      <c r="D54" s="17"/>
      <c r="E54" s="16"/>
      <c r="F54" s="17"/>
      <c r="G54" s="16"/>
      <c r="H54" s="17"/>
      <c r="I54" s="16"/>
      <c r="J54" s="17"/>
      <c r="K54" s="16"/>
      <c r="L54" s="16"/>
      <c r="M54" s="16"/>
      <c r="N54" s="17"/>
      <c r="O54" s="17" t="s">
        <v>164</v>
      </c>
      <c r="P54" s="17"/>
    </row>
    <row r="55" spans="1:16" ht="14" x14ac:dyDescent="0.3">
      <c r="A55" s="16"/>
      <c r="B55" s="15" t="s">
        <v>165</v>
      </c>
      <c r="C55" s="16"/>
      <c r="D55" s="17"/>
      <c r="E55" s="16"/>
      <c r="F55" s="17"/>
      <c r="G55" s="16"/>
      <c r="H55" s="17"/>
      <c r="I55" s="16"/>
      <c r="J55" s="17"/>
      <c r="K55" s="16"/>
      <c r="L55" s="16"/>
      <c r="M55" s="16"/>
      <c r="N55" s="17"/>
      <c r="O55" s="17" t="s">
        <v>166</v>
      </c>
      <c r="P55" s="17"/>
    </row>
    <row r="56" spans="1:16" ht="14" x14ac:dyDescent="0.3">
      <c r="A56" s="16"/>
      <c r="B56" s="15" t="s">
        <v>167</v>
      </c>
      <c r="C56" s="16"/>
      <c r="D56" s="17"/>
      <c r="E56" s="16"/>
      <c r="F56" s="17"/>
      <c r="G56" s="16"/>
      <c r="H56" s="17"/>
      <c r="I56" s="16"/>
      <c r="J56" s="17"/>
      <c r="K56" s="16"/>
      <c r="L56" s="16"/>
      <c r="M56" s="16"/>
      <c r="N56" s="17"/>
      <c r="O56" s="17" t="s">
        <v>168</v>
      </c>
      <c r="P56" s="17"/>
    </row>
    <row r="57" spans="1:16" ht="14" x14ac:dyDescent="0.3">
      <c r="A57" s="16"/>
      <c r="B57" s="15" t="s">
        <v>169</v>
      </c>
      <c r="C57" s="16"/>
      <c r="D57" s="17"/>
      <c r="E57" s="16"/>
      <c r="F57" s="17"/>
      <c r="G57" s="16"/>
      <c r="H57" s="17"/>
      <c r="I57" s="16"/>
      <c r="J57" s="17"/>
      <c r="K57" s="16"/>
      <c r="L57" s="16"/>
      <c r="M57" s="16"/>
      <c r="N57" s="17"/>
      <c r="O57" s="17" t="s">
        <v>170</v>
      </c>
      <c r="P57" s="17"/>
    </row>
    <row r="58" spans="1:16" ht="14" x14ac:dyDescent="0.3">
      <c r="A58" s="16"/>
      <c r="B58" s="15" t="s">
        <v>171</v>
      </c>
      <c r="C58" s="16"/>
      <c r="D58" s="17"/>
      <c r="E58" s="16"/>
      <c r="F58" s="17"/>
      <c r="G58" s="16"/>
      <c r="H58" s="17"/>
      <c r="I58" s="16"/>
      <c r="J58" s="17"/>
      <c r="K58" s="16"/>
      <c r="L58" s="16"/>
      <c r="M58" s="16"/>
      <c r="N58" s="17"/>
      <c r="O58" s="17" t="s">
        <v>172</v>
      </c>
      <c r="P58" s="17"/>
    </row>
    <row r="59" spans="1:16" ht="14" x14ac:dyDescent="0.3">
      <c r="A59" s="16"/>
      <c r="B59" s="15" t="s">
        <v>173</v>
      </c>
      <c r="C59" s="16"/>
      <c r="D59" s="17"/>
      <c r="E59" s="16"/>
      <c r="F59" s="17"/>
      <c r="G59" s="16"/>
      <c r="H59" s="17"/>
      <c r="I59" s="16"/>
      <c r="J59" s="17"/>
      <c r="K59" s="16"/>
      <c r="L59" s="16"/>
      <c r="M59" s="16"/>
      <c r="N59" s="17"/>
      <c r="O59" s="17" t="s">
        <v>174</v>
      </c>
      <c r="P59" s="17"/>
    </row>
    <row r="60" spans="1:16" ht="14" x14ac:dyDescent="0.3">
      <c r="A60" s="16"/>
      <c r="B60" s="15" t="s">
        <v>175</v>
      </c>
      <c r="C60" s="16"/>
      <c r="D60" s="17"/>
      <c r="E60" s="16"/>
      <c r="F60" s="17"/>
      <c r="G60" s="16"/>
      <c r="H60" s="17"/>
      <c r="I60" s="16"/>
      <c r="J60" s="17"/>
      <c r="K60" s="16"/>
      <c r="L60" s="16"/>
      <c r="M60" s="16"/>
      <c r="N60" s="17"/>
      <c r="O60" s="17" t="s">
        <v>176</v>
      </c>
      <c r="P60" s="17"/>
    </row>
    <row r="61" spans="1:16" ht="14" x14ac:dyDescent="0.3">
      <c r="A61" s="16"/>
      <c r="B61" s="15" t="s">
        <v>177</v>
      </c>
      <c r="C61" s="16"/>
      <c r="D61" s="17"/>
      <c r="E61" s="16"/>
      <c r="F61" s="17"/>
      <c r="G61" s="16"/>
      <c r="H61" s="17"/>
      <c r="I61" s="16"/>
      <c r="J61" s="17"/>
      <c r="K61" s="16"/>
      <c r="L61" s="16"/>
      <c r="M61" s="16"/>
      <c r="N61" s="17"/>
      <c r="O61" s="17" t="s">
        <v>178</v>
      </c>
      <c r="P61" s="17"/>
    </row>
    <row r="62" spans="1:16" ht="14" x14ac:dyDescent="0.3">
      <c r="A62" s="16"/>
      <c r="B62" s="15" t="s">
        <v>179</v>
      </c>
      <c r="C62" s="16"/>
      <c r="D62" s="17"/>
      <c r="E62" s="16"/>
      <c r="F62" s="17"/>
      <c r="G62" s="16"/>
      <c r="H62" s="17"/>
      <c r="I62" s="16"/>
      <c r="J62" s="17"/>
      <c r="K62" s="16"/>
      <c r="L62" s="16"/>
      <c r="M62" s="16"/>
      <c r="N62" s="17"/>
      <c r="O62" s="17" t="s">
        <v>180</v>
      </c>
      <c r="P62" s="17"/>
    </row>
    <row r="63" spans="1:16" ht="14" x14ac:dyDescent="0.3">
      <c r="A63" s="16"/>
      <c r="B63" s="15" t="s">
        <v>181</v>
      </c>
      <c r="C63" s="16"/>
      <c r="D63" s="17"/>
      <c r="E63" s="16"/>
      <c r="F63" s="17"/>
      <c r="G63" s="16"/>
      <c r="H63" s="17"/>
      <c r="I63" s="16"/>
      <c r="J63" s="17"/>
      <c r="K63" s="16"/>
      <c r="L63" s="16"/>
      <c r="M63" s="16"/>
      <c r="N63" s="17"/>
      <c r="O63" s="17" t="s">
        <v>182</v>
      </c>
      <c r="P63" s="17"/>
    </row>
    <row r="64" spans="1:16" ht="14" x14ac:dyDescent="0.3">
      <c r="A64" s="16"/>
      <c r="B64" s="15" t="s">
        <v>183</v>
      </c>
      <c r="C64" s="16"/>
      <c r="D64" s="17"/>
      <c r="E64" s="16"/>
      <c r="F64" s="17"/>
      <c r="G64" s="16"/>
      <c r="H64" s="17"/>
      <c r="I64" s="16"/>
      <c r="J64" s="17"/>
      <c r="K64" s="16"/>
      <c r="L64" s="16"/>
      <c r="M64" s="16"/>
      <c r="N64" s="17"/>
      <c r="O64" s="17" t="s">
        <v>184</v>
      </c>
      <c r="P64" s="17"/>
    </row>
    <row r="65" spans="1:16" ht="14" x14ac:dyDescent="0.3">
      <c r="A65" s="16"/>
      <c r="B65" s="15" t="s">
        <v>185</v>
      </c>
      <c r="C65" s="16"/>
      <c r="D65" s="17"/>
      <c r="E65" s="16"/>
      <c r="F65" s="17"/>
      <c r="G65" s="16"/>
      <c r="H65" s="17"/>
      <c r="I65" s="16"/>
      <c r="J65" s="17"/>
      <c r="K65" s="16"/>
      <c r="L65" s="16"/>
      <c r="M65" s="16"/>
      <c r="N65" s="17"/>
      <c r="O65" s="17" t="s">
        <v>186</v>
      </c>
      <c r="P65" s="17"/>
    </row>
    <row r="66" spans="1:16" ht="14" x14ac:dyDescent="0.3">
      <c r="A66" s="16"/>
      <c r="B66" s="15" t="s">
        <v>187</v>
      </c>
      <c r="C66" s="16"/>
      <c r="D66" s="17"/>
      <c r="E66" s="16"/>
      <c r="F66" s="17"/>
      <c r="G66" s="16"/>
      <c r="H66" s="17"/>
      <c r="I66" s="16"/>
      <c r="J66" s="17"/>
      <c r="K66" s="16"/>
      <c r="L66" s="16"/>
      <c r="M66" s="16"/>
      <c r="N66" s="17"/>
      <c r="O66" s="17" t="s">
        <v>188</v>
      </c>
      <c r="P66" s="17"/>
    </row>
    <row r="67" spans="1:16" ht="14" x14ac:dyDescent="0.3">
      <c r="A67" s="16"/>
      <c r="B67" s="15" t="s">
        <v>189</v>
      </c>
      <c r="C67" s="16"/>
      <c r="D67" s="17"/>
      <c r="E67" s="16"/>
      <c r="F67" s="17"/>
      <c r="G67" s="16"/>
      <c r="H67" s="17"/>
      <c r="I67" s="16"/>
      <c r="J67" s="17"/>
      <c r="K67" s="16"/>
      <c r="L67" s="16"/>
      <c r="M67" s="16"/>
      <c r="N67" s="17"/>
      <c r="O67" s="17" t="s">
        <v>190</v>
      </c>
      <c r="P67" s="17"/>
    </row>
    <row r="68" spans="1:16" ht="14" x14ac:dyDescent="0.3">
      <c r="A68" s="16"/>
      <c r="B68" s="15" t="s">
        <v>191</v>
      </c>
      <c r="C68" s="16"/>
      <c r="D68" s="17"/>
      <c r="E68" s="16"/>
      <c r="F68" s="17"/>
      <c r="G68" s="16"/>
      <c r="H68" s="17"/>
      <c r="I68" s="16"/>
      <c r="J68" s="17"/>
      <c r="K68" s="16"/>
      <c r="L68" s="16"/>
      <c r="M68" s="16"/>
      <c r="N68" s="17"/>
      <c r="O68" s="17" t="s">
        <v>192</v>
      </c>
      <c r="P68" s="17"/>
    </row>
    <row r="69" spans="1:16" ht="14" x14ac:dyDescent="0.3">
      <c r="A69" s="16"/>
      <c r="B69" s="15" t="s">
        <v>193</v>
      </c>
      <c r="C69" s="16"/>
      <c r="D69" s="17"/>
      <c r="E69" s="16"/>
      <c r="F69" s="17"/>
      <c r="G69" s="16"/>
      <c r="H69" s="17"/>
      <c r="I69" s="16"/>
      <c r="J69" s="17"/>
      <c r="K69" s="16"/>
      <c r="L69" s="16"/>
      <c r="M69" s="16"/>
      <c r="N69" s="17"/>
      <c r="O69" s="17" t="s">
        <v>194</v>
      </c>
      <c r="P69" s="17"/>
    </row>
    <row r="70" spans="1:16" ht="14" x14ac:dyDescent="0.3">
      <c r="A70" s="16"/>
      <c r="B70" s="15" t="s">
        <v>195</v>
      </c>
      <c r="C70" s="16"/>
      <c r="D70" s="17"/>
      <c r="E70" s="16"/>
      <c r="F70" s="17"/>
      <c r="G70" s="16"/>
      <c r="H70" s="17"/>
      <c r="I70" s="16"/>
      <c r="J70" s="17"/>
      <c r="K70" s="16"/>
      <c r="L70" s="16"/>
      <c r="M70" s="16"/>
      <c r="N70" s="17"/>
      <c r="O70" s="17" t="s">
        <v>196</v>
      </c>
      <c r="P70" s="17"/>
    </row>
    <row r="71" spans="1:16" ht="14" x14ac:dyDescent="0.3">
      <c r="A71" s="16"/>
      <c r="B71" s="15" t="s">
        <v>197</v>
      </c>
      <c r="C71" s="16"/>
      <c r="D71" s="17"/>
      <c r="E71" s="16"/>
      <c r="F71" s="17"/>
      <c r="G71" s="16"/>
      <c r="H71" s="17"/>
      <c r="I71" s="16"/>
      <c r="J71" s="17"/>
      <c r="K71" s="16"/>
      <c r="L71" s="16"/>
      <c r="M71" s="16"/>
      <c r="N71" s="17"/>
      <c r="O71" s="17" t="s">
        <v>198</v>
      </c>
      <c r="P71" s="17"/>
    </row>
    <row r="72" spans="1:16" ht="14" x14ac:dyDescent="0.3">
      <c r="A72" s="16"/>
      <c r="B72" s="15" t="s">
        <v>199</v>
      </c>
      <c r="C72" s="16"/>
      <c r="D72" s="17"/>
      <c r="E72" s="16"/>
      <c r="F72" s="17"/>
      <c r="G72" s="16"/>
      <c r="H72" s="17"/>
      <c r="I72" s="16"/>
      <c r="J72" s="17"/>
      <c r="K72" s="16"/>
      <c r="L72" s="16"/>
      <c r="M72" s="16"/>
      <c r="N72" s="17"/>
      <c r="O72" s="17" t="s">
        <v>200</v>
      </c>
      <c r="P72" s="17"/>
    </row>
    <row r="73" spans="1:16" ht="14" x14ac:dyDescent="0.3">
      <c r="A73" s="16"/>
      <c r="B73" s="15" t="s">
        <v>201</v>
      </c>
      <c r="C73" s="16"/>
      <c r="D73" s="17"/>
      <c r="E73" s="16"/>
      <c r="F73" s="17"/>
      <c r="G73" s="16"/>
      <c r="H73" s="17"/>
      <c r="I73" s="16"/>
      <c r="J73" s="17"/>
      <c r="K73" s="16"/>
      <c r="L73" s="16"/>
      <c r="M73" s="16"/>
      <c r="N73" s="17"/>
      <c r="O73" s="17" t="s">
        <v>202</v>
      </c>
      <c r="P73" s="17"/>
    </row>
    <row r="74" spans="1:16" ht="14" x14ac:dyDescent="0.3">
      <c r="A74" s="16"/>
      <c r="B74" s="15" t="s">
        <v>203</v>
      </c>
      <c r="C74" s="16"/>
      <c r="D74" s="17"/>
      <c r="E74" s="16"/>
      <c r="F74" s="17"/>
      <c r="G74" s="16"/>
      <c r="H74" s="17"/>
      <c r="I74" s="16"/>
      <c r="J74" s="17"/>
      <c r="K74" s="16"/>
      <c r="L74" s="16"/>
      <c r="M74" s="16"/>
      <c r="N74" s="17"/>
      <c r="O74" s="17" t="s">
        <v>204</v>
      </c>
      <c r="P74" s="17"/>
    </row>
    <row r="75" spans="1:16" ht="14" x14ac:dyDescent="0.3">
      <c r="A75" s="16"/>
      <c r="B75" s="15" t="s">
        <v>205</v>
      </c>
      <c r="C75" s="16"/>
      <c r="D75" s="17"/>
      <c r="E75" s="16"/>
      <c r="F75" s="17"/>
      <c r="G75" s="16"/>
      <c r="H75" s="17"/>
      <c r="I75" s="16"/>
      <c r="J75" s="17"/>
      <c r="K75" s="16"/>
      <c r="L75" s="16"/>
      <c r="M75" s="16"/>
      <c r="N75" s="17"/>
      <c r="O75" s="17" t="s">
        <v>206</v>
      </c>
      <c r="P75" s="17"/>
    </row>
    <row r="76" spans="1:16" ht="14" x14ac:dyDescent="0.3">
      <c r="A76" s="16"/>
      <c r="B76" s="15" t="s">
        <v>207</v>
      </c>
      <c r="C76" s="16"/>
      <c r="D76" s="17"/>
      <c r="E76" s="16"/>
      <c r="F76" s="17"/>
      <c r="G76" s="16"/>
      <c r="H76" s="17"/>
      <c r="I76" s="16"/>
      <c r="J76" s="17"/>
      <c r="K76" s="16"/>
      <c r="L76" s="16"/>
      <c r="M76" s="16"/>
      <c r="N76" s="17"/>
      <c r="O76" s="17" t="s">
        <v>208</v>
      </c>
      <c r="P76" s="17"/>
    </row>
    <row r="77" spans="1:16" ht="14" x14ac:dyDescent="0.3">
      <c r="A77" s="16"/>
      <c r="B77" s="15" t="s">
        <v>209</v>
      </c>
      <c r="C77" s="16"/>
      <c r="D77" s="17"/>
      <c r="E77" s="16"/>
      <c r="F77" s="17"/>
      <c r="G77" s="16"/>
      <c r="H77" s="17"/>
      <c r="I77" s="16"/>
      <c r="J77" s="17"/>
      <c r="K77" s="16"/>
      <c r="L77" s="16"/>
      <c r="M77" s="16"/>
      <c r="N77" s="17"/>
      <c r="O77" s="17" t="s">
        <v>210</v>
      </c>
      <c r="P77" s="17"/>
    </row>
    <row r="78" spans="1:16" ht="14" x14ac:dyDescent="0.3">
      <c r="A78" s="16"/>
      <c r="B78" s="15" t="s">
        <v>211</v>
      </c>
      <c r="C78" s="16"/>
      <c r="D78" s="17"/>
      <c r="E78" s="16"/>
      <c r="F78" s="17"/>
      <c r="G78" s="16"/>
      <c r="H78" s="17"/>
      <c r="I78" s="16"/>
      <c r="J78" s="17"/>
      <c r="K78" s="16"/>
      <c r="L78" s="16"/>
      <c r="M78" s="16"/>
      <c r="N78" s="17"/>
      <c r="O78" s="17" t="s">
        <v>212</v>
      </c>
      <c r="P78" s="17"/>
    </row>
    <row r="79" spans="1:16" ht="14" x14ac:dyDescent="0.3">
      <c r="A79" s="16"/>
      <c r="B79" s="15" t="s">
        <v>213</v>
      </c>
      <c r="C79" s="16"/>
      <c r="D79" s="17"/>
      <c r="E79" s="16"/>
      <c r="F79" s="17"/>
      <c r="G79" s="16"/>
      <c r="H79" s="17"/>
      <c r="I79" s="16"/>
      <c r="J79" s="17"/>
      <c r="K79" s="16"/>
      <c r="L79" s="16"/>
      <c r="M79" s="16"/>
      <c r="N79" s="17"/>
      <c r="O79" s="17" t="s">
        <v>214</v>
      </c>
      <c r="P79" s="17"/>
    </row>
    <row r="80" spans="1:16" ht="14" x14ac:dyDescent="0.3">
      <c r="A80" s="16"/>
      <c r="B80" s="15" t="s">
        <v>215</v>
      </c>
      <c r="C80" s="16"/>
      <c r="D80" s="17"/>
      <c r="E80" s="16"/>
      <c r="F80" s="17"/>
      <c r="G80" s="16"/>
      <c r="H80" s="17"/>
      <c r="I80" s="16"/>
      <c r="J80" s="17"/>
      <c r="K80" s="16"/>
      <c r="L80" s="16"/>
      <c r="M80" s="16"/>
      <c r="N80" s="17"/>
      <c r="O80" s="17" t="s">
        <v>216</v>
      </c>
      <c r="P80" s="17"/>
    </row>
    <row r="81" spans="1:16" ht="14" x14ac:dyDescent="0.3">
      <c r="A81" s="16"/>
      <c r="B81" s="15" t="s">
        <v>217</v>
      </c>
      <c r="C81" s="16"/>
      <c r="D81" s="17"/>
      <c r="E81" s="16"/>
      <c r="F81" s="17"/>
      <c r="G81" s="16"/>
      <c r="H81" s="17"/>
      <c r="I81" s="16"/>
      <c r="J81" s="17"/>
      <c r="K81" s="16"/>
      <c r="L81" s="16"/>
      <c r="M81" s="16"/>
      <c r="N81" s="17"/>
      <c r="O81" s="17" t="s">
        <v>218</v>
      </c>
      <c r="P81" s="17"/>
    </row>
    <row r="82" spans="1:16" ht="14" x14ac:dyDescent="0.3">
      <c r="A82" s="16"/>
      <c r="B82" s="15" t="s">
        <v>219</v>
      </c>
      <c r="C82" s="16"/>
      <c r="D82" s="17"/>
      <c r="E82" s="16"/>
      <c r="F82" s="17"/>
      <c r="G82" s="16"/>
      <c r="H82" s="17"/>
      <c r="I82" s="16"/>
      <c r="J82" s="17"/>
      <c r="K82" s="16"/>
      <c r="L82" s="16"/>
      <c r="M82" s="16"/>
      <c r="N82" s="17"/>
      <c r="O82" s="17" t="s">
        <v>220</v>
      </c>
      <c r="P82" s="17"/>
    </row>
    <row r="83" spans="1:16" ht="14" x14ac:dyDescent="0.3">
      <c r="A83" s="16"/>
      <c r="B83" s="15" t="s">
        <v>221</v>
      </c>
      <c r="C83" s="16"/>
      <c r="D83" s="17"/>
      <c r="E83" s="16"/>
      <c r="F83" s="17"/>
      <c r="G83" s="16"/>
      <c r="H83" s="17"/>
      <c r="I83" s="16"/>
      <c r="J83" s="17"/>
      <c r="K83" s="16"/>
      <c r="L83" s="16"/>
      <c r="M83" s="16"/>
      <c r="N83" s="17"/>
      <c r="O83" s="17" t="s">
        <v>222</v>
      </c>
      <c r="P83" s="17"/>
    </row>
    <row r="84" spans="1:16" ht="14" x14ac:dyDescent="0.3">
      <c r="A84" s="16"/>
      <c r="B84" s="15" t="s">
        <v>223</v>
      </c>
      <c r="C84" s="16"/>
      <c r="D84" s="17"/>
      <c r="E84" s="16"/>
      <c r="F84" s="17"/>
      <c r="G84" s="16"/>
      <c r="H84" s="17"/>
      <c r="I84" s="16"/>
      <c r="J84" s="17"/>
      <c r="K84" s="16"/>
      <c r="L84" s="16"/>
      <c r="M84" s="16"/>
      <c r="N84" s="17"/>
      <c r="O84" s="17" t="s">
        <v>224</v>
      </c>
      <c r="P84" s="17"/>
    </row>
    <row r="85" spans="1:16" ht="14" x14ac:dyDescent="0.3">
      <c r="A85" s="16"/>
      <c r="B85" s="15" t="s">
        <v>225</v>
      </c>
      <c r="C85" s="16"/>
      <c r="D85" s="17"/>
      <c r="E85" s="16"/>
      <c r="F85" s="17"/>
      <c r="G85" s="16"/>
      <c r="H85" s="17"/>
      <c r="I85" s="16"/>
      <c r="J85" s="17"/>
      <c r="K85" s="16"/>
      <c r="L85" s="16"/>
      <c r="M85" s="16"/>
      <c r="N85" s="17"/>
      <c r="O85" s="17" t="s">
        <v>226</v>
      </c>
      <c r="P85" s="17"/>
    </row>
    <row r="86" spans="1:16" ht="14" x14ac:dyDescent="0.3">
      <c r="A86" s="16"/>
      <c r="B86" s="15" t="s">
        <v>227</v>
      </c>
      <c r="C86" s="16"/>
      <c r="D86" s="17"/>
      <c r="E86" s="16"/>
      <c r="F86" s="17"/>
      <c r="G86" s="16"/>
      <c r="H86" s="17"/>
      <c r="I86" s="16"/>
      <c r="J86" s="17"/>
      <c r="K86" s="16"/>
      <c r="L86" s="16"/>
      <c r="M86" s="16"/>
      <c r="N86" s="17"/>
      <c r="O86" s="17" t="s">
        <v>228</v>
      </c>
      <c r="P86" s="17"/>
    </row>
    <row r="87" spans="1:16" ht="14" x14ac:dyDescent="0.3">
      <c r="A87" s="16"/>
      <c r="B87" s="15" t="s">
        <v>229</v>
      </c>
      <c r="C87" s="16"/>
      <c r="D87" s="17"/>
      <c r="E87" s="16"/>
      <c r="F87" s="17"/>
      <c r="G87" s="16"/>
      <c r="H87" s="17"/>
      <c r="I87" s="16"/>
      <c r="J87" s="17"/>
      <c r="K87" s="16"/>
      <c r="L87" s="16"/>
      <c r="M87" s="16"/>
      <c r="N87" s="17"/>
      <c r="O87" s="17" t="s">
        <v>230</v>
      </c>
      <c r="P87" s="17"/>
    </row>
    <row r="88" spans="1:16" ht="14" x14ac:dyDescent="0.3">
      <c r="A88" s="16"/>
      <c r="B88" s="15" t="s">
        <v>231</v>
      </c>
      <c r="C88" s="16"/>
      <c r="D88" s="17"/>
      <c r="E88" s="16"/>
      <c r="F88" s="17"/>
      <c r="G88" s="16"/>
      <c r="H88" s="17"/>
      <c r="I88" s="16"/>
      <c r="J88" s="17"/>
      <c r="K88" s="16"/>
      <c r="L88" s="16"/>
      <c r="M88" s="16"/>
      <c r="N88" s="17"/>
      <c r="O88" s="17" t="s">
        <v>232</v>
      </c>
      <c r="P88" s="17"/>
    </row>
    <row r="89" spans="1:16" ht="14" x14ac:dyDescent="0.3">
      <c r="A89" s="16"/>
      <c r="B89" s="15" t="s">
        <v>233</v>
      </c>
      <c r="C89" s="16"/>
      <c r="D89" s="17"/>
      <c r="E89" s="16"/>
      <c r="F89" s="17"/>
      <c r="G89" s="16"/>
      <c r="H89" s="17"/>
      <c r="I89" s="16"/>
      <c r="J89" s="17"/>
      <c r="K89" s="16"/>
      <c r="L89" s="16"/>
      <c r="M89" s="16"/>
      <c r="N89" s="17"/>
      <c r="O89" s="17" t="s">
        <v>234</v>
      </c>
      <c r="P89" s="17"/>
    </row>
    <row r="90" spans="1:16" ht="14" x14ac:dyDescent="0.3">
      <c r="A90" s="16"/>
      <c r="B90" s="15" t="s">
        <v>235</v>
      </c>
      <c r="C90" s="16"/>
      <c r="D90" s="17"/>
      <c r="E90" s="16"/>
      <c r="F90" s="17"/>
      <c r="G90" s="16"/>
      <c r="H90" s="17"/>
      <c r="I90" s="16"/>
      <c r="J90" s="17"/>
      <c r="K90" s="16"/>
      <c r="L90" s="16"/>
      <c r="M90" s="16"/>
      <c r="N90" s="17"/>
      <c r="O90" s="17" t="s">
        <v>236</v>
      </c>
      <c r="P90" s="17"/>
    </row>
    <row r="91" spans="1:16" ht="14" x14ac:dyDescent="0.3">
      <c r="A91" s="16"/>
      <c r="B91" s="15" t="s">
        <v>237</v>
      </c>
      <c r="C91" s="16"/>
      <c r="D91" s="17"/>
      <c r="E91" s="16"/>
      <c r="F91" s="17"/>
      <c r="G91" s="16"/>
      <c r="H91" s="17"/>
      <c r="I91" s="16"/>
      <c r="J91" s="17"/>
      <c r="K91" s="16"/>
      <c r="L91" s="16"/>
      <c r="M91" s="16"/>
      <c r="N91" s="17"/>
      <c r="O91" s="17" t="s">
        <v>238</v>
      </c>
      <c r="P91" s="17"/>
    </row>
    <row r="92" spans="1:16" ht="14" x14ac:dyDescent="0.3">
      <c r="A92" s="16"/>
      <c r="B92" s="15" t="s">
        <v>239</v>
      </c>
      <c r="C92" s="16"/>
      <c r="D92" s="17"/>
      <c r="E92" s="16"/>
      <c r="F92" s="17"/>
      <c r="G92" s="16"/>
      <c r="H92" s="17"/>
      <c r="I92" s="16"/>
      <c r="J92" s="17"/>
      <c r="K92" s="16"/>
      <c r="L92" s="16"/>
      <c r="M92" s="16"/>
      <c r="N92" s="17"/>
      <c r="O92" s="17" t="s">
        <v>240</v>
      </c>
      <c r="P92" s="17"/>
    </row>
    <row r="93" spans="1:16" ht="14" x14ac:dyDescent="0.3">
      <c r="A93" s="16"/>
      <c r="B93" s="15" t="s">
        <v>241</v>
      </c>
      <c r="C93" s="16"/>
      <c r="D93" s="17"/>
      <c r="E93" s="16"/>
      <c r="F93" s="17"/>
      <c r="G93" s="16"/>
      <c r="H93" s="17"/>
      <c r="I93" s="16"/>
      <c r="J93" s="17"/>
      <c r="K93" s="16"/>
      <c r="L93" s="16"/>
      <c r="M93" s="16"/>
      <c r="N93" s="17"/>
      <c r="O93" s="17" t="s">
        <v>242</v>
      </c>
      <c r="P93" s="17"/>
    </row>
    <row r="94" spans="1:16" ht="14" x14ac:dyDescent="0.3">
      <c r="A94" s="16"/>
      <c r="B94" s="15" t="s">
        <v>243</v>
      </c>
      <c r="C94" s="16"/>
      <c r="D94" s="17"/>
      <c r="E94" s="16"/>
      <c r="F94" s="17"/>
      <c r="G94" s="16"/>
      <c r="H94" s="17"/>
      <c r="I94" s="16"/>
      <c r="J94" s="17"/>
      <c r="K94" s="16"/>
      <c r="L94" s="16"/>
      <c r="M94" s="16"/>
      <c r="N94" s="17"/>
      <c r="O94" s="17" t="s">
        <v>244</v>
      </c>
      <c r="P94" s="17"/>
    </row>
    <row r="95" spans="1:16" ht="14" x14ac:dyDescent="0.3">
      <c r="A95" s="16"/>
      <c r="B95" s="15" t="s">
        <v>245</v>
      </c>
      <c r="C95" s="16"/>
      <c r="D95" s="17"/>
      <c r="E95" s="16"/>
      <c r="F95" s="17"/>
      <c r="G95" s="16"/>
      <c r="H95" s="17"/>
      <c r="I95" s="16"/>
      <c r="J95" s="17"/>
      <c r="K95" s="16"/>
      <c r="L95" s="16"/>
      <c r="M95" s="16"/>
      <c r="N95" s="17"/>
      <c r="O95" s="17" t="s">
        <v>246</v>
      </c>
      <c r="P95" s="17"/>
    </row>
    <row r="96" spans="1:16" ht="14" x14ac:dyDescent="0.3">
      <c r="A96" s="16"/>
      <c r="B96" s="15" t="s">
        <v>247</v>
      </c>
      <c r="C96" s="16"/>
      <c r="D96" s="17"/>
      <c r="E96" s="16"/>
      <c r="F96" s="17"/>
      <c r="G96" s="16"/>
      <c r="H96" s="17"/>
      <c r="I96" s="16"/>
      <c r="J96" s="17"/>
      <c r="K96" s="16"/>
      <c r="L96" s="16"/>
      <c r="M96" s="16"/>
      <c r="N96" s="17"/>
      <c r="O96" s="17" t="s">
        <v>248</v>
      </c>
      <c r="P96" s="17"/>
    </row>
    <row r="97" spans="1:16" ht="14" x14ac:dyDescent="0.3">
      <c r="A97" s="16"/>
      <c r="B97" s="15" t="s">
        <v>249</v>
      </c>
      <c r="C97" s="16"/>
      <c r="D97" s="17"/>
      <c r="E97" s="16"/>
      <c r="F97" s="17"/>
      <c r="G97" s="16"/>
      <c r="H97" s="17"/>
      <c r="I97" s="16"/>
      <c r="J97" s="17"/>
      <c r="K97" s="16"/>
      <c r="L97" s="16"/>
      <c r="M97" s="16"/>
      <c r="N97" s="17"/>
      <c r="O97" s="17" t="s">
        <v>250</v>
      </c>
      <c r="P97" s="17"/>
    </row>
    <row r="98" spans="1:16" ht="14" x14ac:dyDescent="0.3">
      <c r="A98" s="16"/>
      <c r="B98" s="15" t="s">
        <v>251</v>
      </c>
      <c r="C98" s="16"/>
      <c r="D98" s="17"/>
      <c r="E98" s="16"/>
      <c r="F98" s="17"/>
      <c r="G98" s="16"/>
      <c r="H98" s="17"/>
      <c r="I98" s="16"/>
      <c r="J98" s="17"/>
      <c r="K98" s="16"/>
      <c r="L98" s="16"/>
      <c r="M98" s="16"/>
      <c r="N98" s="17"/>
      <c r="O98" s="17" t="s">
        <v>252</v>
      </c>
      <c r="P98" s="17"/>
    </row>
    <row r="99" spans="1:16" ht="14" x14ac:dyDescent="0.3">
      <c r="A99" s="16"/>
      <c r="B99" s="15" t="s">
        <v>253</v>
      </c>
      <c r="C99" s="16"/>
      <c r="D99" s="17"/>
      <c r="E99" s="16"/>
      <c r="F99" s="17"/>
      <c r="G99" s="16"/>
      <c r="H99" s="17"/>
      <c r="I99" s="16"/>
      <c r="J99" s="17"/>
      <c r="K99" s="16"/>
      <c r="L99" s="16"/>
      <c r="M99" s="16"/>
      <c r="N99" s="17"/>
      <c r="O99" s="17" t="s">
        <v>254</v>
      </c>
      <c r="P99" s="17"/>
    </row>
    <row r="100" spans="1:16" ht="14" x14ac:dyDescent="0.3">
      <c r="A100" s="16"/>
      <c r="B100" s="15" t="s">
        <v>255</v>
      </c>
      <c r="C100" s="16"/>
      <c r="D100" s="17"/>
      <c r="E100" s="16"/>
      <c r="F100" s="17"/>
      <c r="G100" s="16"/>
      <c r="H100" s="17"/>
      <c r="I100" s="16"/>
      <c r="J100" s="17"/>
      <c r="K100" s="16"/>
      <c r="L100" s="16"/>
      <c r="M100" s="16"/>
      <c r="N100" s="17"/>
      <c r="O100" s="17" t="s">
        <v>256</v>
      </c>
      <c r="P100" s="17"/>
    </row>
    <row r="101" spans="1:16" ht="14" x14ac:dyDescent="0.3">
      <c r="A101" s="16"/>
      <c r="B101" s="15" t="s">
        <v>257</v>
      </c>
      <c r="C101" s="16"/>
      <c r="D101" s="17"/>
      <c r="E101" s="16"/>
      <c r="F101" s="17"/>
      <c r="G101" s="16"/>
      <c r="H101" s="17"/>
      <c r="I101" s="16"/>
      <c r="J101" s="17"/>
      <c r="K101" s="16"/>
      <c r="L101" s="16"/>
      <c r="M101" s="16"/>
      <c r="N101" s="17"/>
      <c r="O101" s="17" t="s">
        <v>258</v>
      </c>
      <c r="P101" s="17"/>
    </row>
    <row r="102" spans="1:16" ht="14" x14ac:dyDescent="0.3">
      <c r="A102" s="16"/>
      <c r="B102" s="15" t="s">
        <v>259</v>
      </c>
      <c r="C102" s="16"/>
      <c r="D102" s="17"/>
      <c r="E102" s="16"/>
      <c r="F102" s="17"/>
      <c r="G102" s="16"/>
      <c r="H102" s="17"/>
      <c r="I102" s="16"/>
      <c r="J102" s="17"/>
      <c r="K102" s="16"/>
      <c r="L102" s="16"/>
      <c r="M102" s="16"/>
      <c r="N102" s="17"/>
      <c r="O102" s="17" t="s">
        <v>260</v>
      </c>
      <c r="P102" s="17"/>
    </row>
    <row r="103" spans="1:16" ht="14" x14ac:dyDescent="0.3">
      <c r="A103" s="16"/>
      <c r="B103" s="15" t="s">
        <v>261</v>
      </c>
      <c r="C103" s="16"/>
      <c r="D103" s="17"/>
      <c r="E103" s="16"/>
      <c r="F103" s="17"/>
      <c r="G103" s="16"/>
      <c r="H103" s="17"/>
      <c r="I103" s="16"/>
      <c r="J103" s="17"/>
      <c r="K103" s="16"/>
      <c r="L103" s="16"/>
      <c r="M103" s="16"/>
      <c r="N103" s="17"/>
      <c r="O103" s="17" t="s">
        <v>262</v>
      </c>
      <c r="P103" s="17"/>
    </row>
    <row r="104" spans="1:16" ht="14" x14ac:dyDescent="0.3">
      <c r="A104" s="16"/>
      <c r="B104" s="15" t="s">
        <v>263</v>
      </c>
      <c r="C104" s="16"/>
      <c r="D104" s="17"/>
      <c r="E104" s="16"/>
      <c r="F104" s="17"/>
      <c r="G104" s="16"/>
      <c r="H104" s="17"/>
      <c r="I104" s="16"/>
      <c r="J104" s="17"/>
      <c r="K104" s="16"/>
      <c r="L104" s="16"/>
      <c r="M104" s="16"/>
      <c r="N104" s="17"/>
      <c r="O104" s="17" t="s">
        <v>264</v>
      </c>
      <c r="P104" s="17"/>
    </row>
    <row r="105" spans="1:16" ht="14" x14ac:dyDescent="0.3">
      <c r="A105" s="16"/>
      <c r="B105" s="15" t="s">
        <v>265</v>
      </c>
      <c r="C105" s="16"/>
      <c r="D105" s="17"/>
      <c r="E105" s="16"/>
      <c r="F105" s="17"/>
      <c r="G105" s="16"/>
      <c r="H105" s="17"/>
      <c r="I105" s="16"/>
      <c r="J105" s="17"/>
      <c r="K105" s="16"/>
      <c r="L105" s="16"/>
      <c r="M105" s="16"/>
      <c r="N105" s="17"/>
      <c r="O105" s="17" t="s">
        <v>266</v>
      </c>
      <c r="P105" s="17"/>
    </row>
    <row r="106" spans="1:16" ht="14" x14ac:dyDescent="0.3">
      <c r="A106" s="16"/>
      <c r="B106" s="15" t="s">
        <v>267</v>
      </c>
      <c r="C106" s="16"/>
      <c r="D106" s="17"/>
      <c r="E106" s="16"/>
      <c r="F106" s="17"/>
      <c r="G106" s="16"/>
      <c r="H106" s="17"/>
      <c r="I106" s="16"/>
      <c r="J106" s="17"/>
      <c r="K106" s="16"/>
      <c r="L106" s="16"/>
      <c r="M106" s="16"/>
      <c r="N106" s="17"/>
      <c r="O106" s="17" t="s">
        <v>268</v>
      </c>
      <c r="P106" s="17"/>
    </row>
    <row r="107" spans="1:16" ht="14" x14ac:dyDescent="0.3">
      <c r="A107" s="16"/>
      <c r="B107" s="15" t="s">
        <v>269</v>
      </c>
      <c r="C107" s="16"/>
      <c r="D107" s="17"/>
      <c r="E107" s="16"/>
      <c r="F107" s="17"/>
      <c r="G107" s="16"/>
      <c r="H107" s="17"/>
      <c r="I107" s="16"/>
      <c r="J107" s="17"/>
      <c r="K107" s="16"/>
      <c r="L107" s="16"/>
      <c r="M107" s="16"/>
      <c r="N107" s="17"/>
      <c r="O107" s="17" t="s">
        <v>270</v>
      </c>
      <c r="P107" s="17"/>
    </row>
    <row r="108" spans="1:16" ht="14" x14ac:dyDescent="0.3">
      <c r="A108" s="16"/>
      <c r="B108" s="15" t="s">
        <v>271</v>
      </c>
      <c r="C108" s="16"/>
      <c r="D108" s="17"/>
      <c r="E108" s="16"/>
      <c r="F108" s="17"/>
      <c r="G108" s="16"/>
      <c r="H108" s="17"/>
      <c r="I108" s="16"/>
      <c r="J108" s="17"/>
      <c r="K108" s="16"/>
      <c r="L108" s="16"/>
      <c r="M108" s="16"/>
      <c r="N108" s="17"/>
      <c r="O108" s="17" t="s">
        <v>272</v>
      </c>
      <c r="P108" s="17"/>
    </row>
    <row r="109" spans="1:16" ht="14" x14ac:dyDescent="0.3">
      <c r="A109" s="16"/>
      <c r="B109" s="15" t="s">
        <v>273</v>
      </c>
      <c r="C109" s="16"/>
      <c r="D109" s="17"/>
      <c r="E109" s="16"/>
      <c r="F109" s="17"/>
      <c r="G109" s="16"/>
      <c r="H109" s="17"/>
      <c r="I109" s="16"/>
      <c r="J109" s="17"/>
      <c r="K109" s="16"/>
      <c r="L109" s="16"/>
      <c r="M109" s="16"/>
      <c r="N109" s="17"/>
      <c r="O109" s="17" t="s">
        <v>274</v>
      </c>
      <c r="P109" s="17"/>
    </row>
    <row r="110" spans="1:16" ht="14" x14ac:dyDescent="0.3">
      <c r="A110" s="16"/>
      <c r="B110" s="15" t="s">
        <v>275</v>
      </c>
      <c r="C110" s="16"/>
      <c r="D110" s="17"/>
      <c r="E110" s="16"/>
      <c r="F110" s="17"/>
      <c r="G110" s="16"/>
      <c r="H110" s="17"/>
      <c r="I110" s="16"/>
      <c r="J110" s="17"/>
      <c r="K110" s="16"/>
      <c r="L110" s="16"/>
      <c r="M110" s="16"/>
      <c r="N110" s="17"/>
      <c r="O110" s="17" t="s">
        <v>276</v>
      </c>
      <c r="P110" s="17"/>
    </row>
    <row r="111" spans="1:16" ht="14" x14ac:dyDescent="0.3">
      <c r="A111" s="16"/>
      <c r="B111" s="15" t="s">
        <v>277</v>
      </c>
      <c r="C111" s="16"/>
      <c r="D111" s="17"/>
      <c r="E111" s="16"/>
      <c r="F111" s="17"/>
      <c r="G111" s="16"/>
      <c r="H111" s="17"/>
      <c r="I111" s="16"/>
      <c r="J111" s="17"/>
      <c r="K111" s="16"/>
      <c r="L111" s="16"/>
      <c r="M111" s="16"/>
      <c r="N111" s="17"/>
      <c r="O111" s="17" t="s">
        <v>278</v>
      </c>
      <c r="P111" s="17"/>
    </row>
    <row r="112" spans="1:16" ht="14" x14ac:dyDescent="0.3">
      <c r="A112" s="16"/>
      <c r="B112" s="15" t="s">
        <v>279</v>
      </c>
      <c r="C112" s="16"/>
      <c r="D112" s="17"/>
      <c r="E112" s="16"/>
      <c r="F112" s="17"/>
      <c r="G112" s="16"/>
      <c r="H112" s="17"/>
      <c r="I112" s="16"/>
      <c r="J112" s="17"/>
      <c r="K112" s="16"/>
      <c r="L112" s="16"/>
      <c r="M112" s="16"/>
      <c r="N112" s="17"/>
      <c r="O112" s="17" t="s">
        <v>280</v>
      </c>
      <c r="P112" s="17"/>
    </row>
    <row r="113" spans="1:16" ht="14" x14ac:dyDescent="0.3">
      <c r="A113" s="16"/>
      <c r="B113" s="15" t="s">
        <v>281</v>
      </c>
      <c r="C113" s="16"/>
      <c r="D113" s="17"/>
      <c r="E113" s="16"/>
      <c r="F113" s="17"/>
      <c r="G113" s="16"/>
      <c r="H113" s="17"/>
      <c r="I113" s="16"/>
      <c r="J113" s="17"/>
      <c r="K113" s="16"/>
      <c r="L113" s="16"/>
      <c r="M113" s="16"/>
      <c r="N113" s="17"/>
      <c r="O113" s="17" t="s">
        <v>282</v>
      </c>
      <c r="P113" s="17"/>
    </row>
    <row r="114" spans="1:16" ht="14" x14ac:dyDescent="0.3">
      <c r="A114" s="16"/>
      <c r="B114" s="15" t="s">
        <v>283</v>
      </c>
      <c r="C114" s="16"/>
      <c r="D114" s="17"/>
      <c r="E114" s="16"/>
      <c r="F114" s="17"/>
      <c r="G114" s="16"/>
      <c r="H114" s="17"/>
      <c r="I114" s="16"/>
      <c r="J114" s="17"/>
      <c r="K114" s="16"/>
      <c r="L114" s="16"/>
      <c r="M114" s="16"/>
      <c r="N114" s="17"/>
      <c r="O114" s="17" t="s">
        <v>284</v>
      </c>
      <c r="P114" s="17"/>
    </row>
    <row r="115" spans="1:16" ht="14" x14ac:dyDescent="0.3">
      <c r="A115" s="16"/>
      <c r="B115" s="15" t="s">
        <v>285</v>
      </c>
      <c r="C115" s="16"/>
      <c r="D115" s="17"/>
      <c r="E115" s="16"/>
      <c r="F115" s="17"/>
      <c r="G115" s="16"/>
      <c r="H115" s="17"/>
      <c r="I115" s="16"/>
      <c r="J115" s="17"/>
      <c r="K115" s="16"/>
      <c r="L115" s="16"/>
      <c r="M115" s="16"/>
      <c r="N115" s="17"/>
      <c r="O115" s="17" t="s">
        <v>286</v>
      </c>
      <c r="P115" s="17"/>
    </row>
    <row r="116" spans="1:16" ht="14" x14ac:dyDescent="0.3">
      <c r="A116" s="16"/>
      <c r="B116" s="15" t="s">
        <v>287</v>
      </c>
      <c r="C116" s="16"/>
      <c r="D116" s="17"/>
      <c r="E116" s="16"/>
      <c r="F116" s="17"/>
      <c r="G116" s="16"/>
      <c r="H116" s="17"/>
      <c r="I116" s="16"/>
      <c r="J116" s="17"/>
      <c r="K116" s="16"/>
      <c r="L116" s="16"/>
      <c r="M116" s="16"/>
      <c r="N116" s="17"/>
      <c r="O116" s="17" t="s">
        <v>288</v>
      </c>
      <c r="P116" s="17"/>
    </row>
    <row r="117" spans="1:16" ht="14" x14ac:dyDescent="0.3">
      <c r="A117" s="16"/>
      <c r="B117" s="15" t="s">
        <v>289</v>
      </c>
      <c r="C117" s="16"/>
      <c r="D117" s="17"/>
      <c r="E117" s="16"/>
      <c r="F117" s="17"/>
      <c r="G117" s="16"/>
      <c r="H117" s="17"/>
      <c r="I117" s="16"/>
      <c r="J117" s="17"/>
      <c r="K117" s="16"/>
      <c r="L117" s="16"/>
      <c r="M117" s="16"/>
      <c r="N117" s="17"/>
      <c r="O117" s="17" t="s">
        <v>290</v>
      </c>
      <c r="P117" s="17"/>
    </row>
    <row r="118" spans="1:16" ht="14" x14ac:dyDescent="0.3">
      <c r="A118" s="16"/>
      <c r="B118" s="15" t="s">
        <v>291</v>
      </c>
      <c r="C118" s="16"/>
      <c r="D118" s="17"/>
      <c r="E118" s="16"/>
      <c r="F118" s="17"/>
      <c r="G118" s="16"/>
      <c r="H118" s="17"/>
      <c r="I118" s="16"/>
      <c r="J118" s="17"/>
      <c r="K118" s="16"/>
      <c r="L118" s="16"/>
      <c r="M118" s="16"/>
      <c r="N118" s="17"/>
      <c r="O118" s="17" t="s">
        <v>292</v>
      </c>
      <c r="P118" s="17"/>
    </row>
    <row r="119" spans="1:16" ht="14" x14ac:dyDescent="0.3">
      <c r="A119" s="16"/>
      <c r="B119" s="15" t="s">
        <v>293</v>
      </c>
      <c r="C119" s="16"/>
      <c r="D119" s="17"/>
      <c r="E119" s="16"/>
      <c r="F119" s="17"/>
      <c r="G119" s="16"/>
      <c r="H119" s="17"/>
      <c r="I119" s="16"/>
      <c r="J119" s="17"/>
      <c r="K119" s="16"/>
      <c r="L119" s="16"/>
      <c r="M119" s="16"/>
      <c r="N119" s="17"/>
      <c r="O119" s="17" t="s">
        <v>294</v>
      </c>
      <c r="P119" s="17"/>
    </row>
    <row r="120" spans="1:16" ht="14" x14ac:dyDescent="0.3">
      <c r="A120" s="16"/>
      <c r="B120" s="15" t="s">
        <v>295</v>
      </c>
      <c r="C120" s="16"/>
      <c r="D120" s="17"/>
      <c r="E120" s="16"/>
      <c r="F120" s="17"/>
      <c r="G120" s="16"/>
      <c r="H120" s="17"/>
      <c r="I120" s="16"/>
      <c r="J120" s="17"/>
      <c r="K120" s="16"/>
      <c r="L120" s="16"/>
      <c r="M120" s="16"/>
      <c r="N120" s="17"/>
      <c r="O120" s="17" t="s">
        <v>296</v>
      </c>
      <c r="P120" s="17"/>
    </row>
    <row r="121" spans="1:16" ht="14" x14ac:dyDescent="0.3">
      <c r="A121" s="16"/>
      <c r="B121" s="15" t="s">
        <v>297</v>
      </c>
      <c r="C121" s="16"/>
      <c r="D121" s="17"/>
      <c r="E121" s="16"/>
      <c r="F121" s="17"/>
      <c r="G121" s="16"/>
      <c r="H121" s="17"/>
      <c r="I121" s="16"/>
      <c r="J121" s="17"/>
      <c r="K121" s="16"/>
      <c r="L121" s="16"/>
      <c r="M121" s="16"/>
      <c r="N121" s="17"/>
      <c r="O121" s="17" t="s">
        <v>298</v>
      </c>
      <c r="P121" s="17"/>
    </row>
    <row r="122" spans="1:16" ht="14" x14ac:dyDescent="0.3">
      <c r="A122" s="16"/>
      <c r="B122" s="15" t="s">
        <v>299</v>
      </c>
      <c r="C122" s="16"/>
      <c r="D122" s="17"/>
      <c r="E122" s="16"/>
      <c r="F122" s="17"/>
      <c r="G122" s="16"/>
      <c r="H122" s="17"/>
      <c r="I122" s="16"/>
      <c r="J122" s="17"/>
      <c r="K122" s="16"/>
      <c r="L122" s="16"/>
      <c r="M122" s="16"/>
      <c r="N122" s="17"/>
      <c r="O122" s="17" t="s">
        <v>300</v>
      </c>
      <c r="P122" s="17"/>
    </row>
    <row r="123" spans="1:16" ht="14" x14ac:dyDescent="0.3">
      <c r="A123" s="16"/>
      <c r="B123" s="15" t="s">
        <v>301</v>
      </c>
      <c r="C123" s="16"/>
      <c r="D123" s="17"/>
      <c r="E123" s="16"/>
      <c r="F123" s="17"/>
      <c r="G123" s="16"/>
      <c r="H123" s="17"/>
      <c r="I123" s="16"/>
      <c r="J123" s="17"/>
      <c r="K123" s="16"/>
      <c r="L123" s="16"/>
      <c r="M123" s="16"/>
      <c r="N123" s="17"/>
      <c r="O123" s="17" t="s">
        <v>302</v>
      </c>
      <c r="P123" s="17"/>
    </row>
    <row r="124" spans="1:16" ht="14" x14ac:dyDescent="0.3">
      <c r="A124" s="16"/>
      <c r="B124" s="15" t="s">
        <v>303</v>
      </c>
      <c r="C124" s="16"/>
      <c r="D124" s="17"/>
      <c r="E124" s="16"/>
      <c r="F124" s="17"/>
      <c r="G124" s="16"/>
      <c r="H124" s="17"/>
      <c r="I124" s="16"/>
      <c r="J124" s="17"/>
      <c r="K124" s="16"/>
      <c r="L124" s="16"/>
      <c r="M124" s="16"/>
      <c r="N124" s="17"/>
      <c r="O124" s="17" t="s">
        <v>304</v>
      </c>
      <c r="P124" s="17"/>
    </row>
    <row r="125" spans="1:16" ht="14" x14ac:dyDescent="0.3">
      <c r="A125" s="16"/>
      <c r="B125" s="15" t="s">
        <v>305</v>
      </c>
      <c r="C125" s="16"/>
      <c r="D125" s="17"/>
      <c r="E125" s="16"/>
      <c r="F125" s="17"/>
      <c r="G125" s="16"/>
      <c r="H125" s="17"/>
      <c r="I125" s="16"/>
      <c r="J125" s="17"/>
      <c r="K125" s="16"/>
      <c r="L125" s="16"/>
      <c r="M125" s="16"/>
      <c r="N125" s="17"/>
      <c r="O125" s="17" t="s">
        <v>306</v>
      </c>
      <c r="P125" s="17"/>
    </row>
    <row r="126" spans="1:16" ht="14" x14ac:dyDescent="0.3">
      <c r="A126" s="16"/>
      <c r="B126" s="15" t="s">
        <v>307</v>
      </c>
      <c r="C126" s="16"/>
      <c r="D126" s="17"/>
      <c r="E126" s="16"/>
      <c r="F126" s="17"/>
      <c r="G126" s="16"/>
      <c r="H126" s="17"/>
      <c r="I126" s="16"/>
      <c r="J126" s="17"/>
      <c r="K126" s="16"/>
      <c r="L126" s="16"/>
      <c r="M126" s="16"/>
      <c r="N126" s="17"/>
      <c r="O126" s="17" t="s">
        <v>308</v>
      </c>
      <c r="P126" s="17"/>
    </row>
    <row r="127" spans="1:16" ht="14" x14ac:dyDescent="0.3">
      <c r="A127" s="16"/>
      <c r="B127" s="15" t="s">
        <v>309</v>
      </c>
      <c r="C127" s="16"/>
      <c r="D127" s="17"/>
      <c r="E127" s="16"/>
      <c r="F127" s="17"/>
      <c r="G127" s="16"/>
      <c r="H127" s="17"/>
      <c r="I127" s="16"/>
      <c r="J127" s="17"/>
      <c r="K127" s="16"/>
      <c r="L127" s="16"/>
      <c r="M127" s="16"/>
      <c r="N127" s="17"/>
      <c r="O127" s="17" t="s">
        <v>310</v>
      </c>
      <c r="P127" s="17"/>
    </row>
    <row r="128" spans="1:16" ht="14" x14ac:dyDescent="0.3">
      <c r="A128" s="16"/>
      <c r="B128" s="15" t="s">
        <v>311</v>
      </c>
      <c r="C128" s="16"/>
      <c r="D128" s="17"/>
      <c r="E128" s="16"/>
      <c r="F128" s="17"/>
      <c r="G128" s="16"/>
      <c r="H128" s="17"/>
      <c r="I128" s="16"/>
      <c r="J128" s="17"/>
      <c r="K128" s="16"/>
      <c r="L128" s="16"/>
      <c r="M128" s="16"/>
      <c r="N128" s="17"/>
      <c r="O128" s="17" t="s">
        <v>312</v>
      </c>
      <c r="P128" s="17"/>
    </row>
    <row r="129" spans="1:16" ht="14" x14ac:dyDescent="0.3">
      <c r="A129" s="16"/>
      <c r="B129" s="15" t="s">
        <v>313</v>
      </c>
      <c r="C129" s="16"/>
      <c r="D129" s="17"/>
      <c r="E129" s="16"/>
      <c r="F129" s="17"/>
      <c r="G129" s="16"/>
      <c r="H129" s="17"/>
      <c r="I129" s="16"/>
      <c r="J129" s="17"/>
      <c r="K129" s="16"/>
      <c r="L129" s="16"/>
      <c r="M129" s="16"/>
      <c r="N129" s="17"/>
      <c r="O129" s="17" t="s">
        <v>314</v>
      </c>
      <c r="P129" s="17"/>
    </row>
    <row r="130" spans="1:16" ht="14" x14ac:dyDescent="0.3">
      <c r="A130" s="16"/>
      <c r="B130" s="15" t="s">
        <v>315</v>
      </c>
      <c r="C130" s="16"/>
      <c r="D130" s="17"/>
      <c r="E130" s="16"/>
      <c r="F130" s="17"/>
      <c r="G130" s="16"/>
      <c r="H130" s="17"/>
      <c r="I130" s="16"/>
      <c r="J130" s="17"/>
      <c r="K130" s="16"/>
      <c r="L130" s="16"/>
      <c r="M130" s="16"/>
      <c r="N130" s="17"/>
      <c r="O130" s="17" t="s">
        <v>316</v>
      </c>
      <c r="P130" s="17"/>
    </row>
    <row r="131" spans="1:16" ht="14" x14ac:dyDescent="0.3">
      <c r="A131" s="16"/>
      <c r="B131" s="15" t="s">
        <v>317</v>
      </c>
      <c r="C131" s="16"/>
      <c r="D131" s="17"/>
      <c r="E131" s="16"/>
      <c r="F131" s="17"/>
      <c r="G131" s="16"/>
      <c r="H131" s="17"/>
      <c r="I131" s="16"/>
      <c r="J131" s="17"/>
      <c r="K131" s="16"/>
      <c r="L131" s="16"/>
      <c r="M131" s="16"/>
      <c r="N131" s="17"/>
      <c r="O131" s="17" t="s">
        <v>318</v>
      </c>
      <c r="P131" s="17"/>
    </row>
    <row r="132" spans="1:16" ht="14" x14ac:dyDescent="0.3">
      <c r="A132" s="16"/>
      <c r="B132" s="15" t="s">
        <v>319</v>
      </c>
      <c r="C132" s="16"/>
      <c r="D132" s="17"/>
      <c r="E132" s="16"/>
      <c r="F132" s="17"/>
      <c r="G132" s="16"/>
      <c r="H132" s="17"/>
      <c r="I132" s="16"/>
      <c r="J132" s="17"/>
      <c r="K132" s="16"/>
      <c r="L132" s="16"/>
      <c r="M132" s="16"/>
      <c r="N132" s="17"/>
      <c r="O132" s="17" t="s">
        <v>320</v>
      </c>
      <c r="P132" s="17"/>
    </row>
    <row r="133" spans="1:16" ht="14" x14ac:dyDescent="0.3">
      <c r="A133" s="16"/>
      <c r="B133" s="15" t="s">
        <v>321</v>
      </c>
      <c r="C133" s="16"/>
      <c r="D133" s="17"/>
      <c r="E133" s="16"/>
      <c r="F133" s="17"/>
      <c r="G133" s="16"/>
      <c r="H133" s="17"/>
      <c r="I133" s="16"/>
      <c r="J133" s="17"/>
      <c r="K133" s="16"/>
      <c r="L133" s="16"/>
      <c r="M133" s="16"/>
      <c r="N133" s="17"/>
      <c r="O133" s="17" t="s">
        <v>322</v>
      </c>
      <c r="P133" s="17"/>
    </row>
    <row r="134" spans="1:16" ht="14" x14ac:dyDescent="0.3">
      <c r="A134" s="16"/>
      <c r="B134" s="15" t="s">
        <v>323</v>
      </c>
      <c r="C134" s="16"/>
      <c r="D134" s="17"/>
      <c r="E134" s="16"/>
      <c r="F134" s="17"/>
      <c r="G134" s="16"/>
      <c r="H134" s="17"/>
      <c r="I134" s="16"/>
      <c r="J134" s="17"/>
      <c r="K134" s="16"/>
      <c r="L134" s="16"/>
      <c r="M134" s="16"/>
      <c r="N134" s="17"/>
      <c r="O134" s="17" t="s">
        <v>324</v>
      </c>
      <c r="P134" s="17"/>
    </row>
    <row r="135" spans="1:16" ht="14" x14ac:dyDescent="0.3">
      <c r="A135" s="16"/>
      <c r="B135" s="15" t="s">
        <v>325</v>
      </c>
      <c r="C135" s="16"/>
      <c r="D135" s="17"/>
      <c r="E135" s="16"/>
      <c r="F135" s="17"/>
      <c r="G135" s="16"/>
      <c r="H135" s="17"/>
      <c r="I135" s="16"/>
      <c r="J135" s="17"/>
      <c r="K135" s="16"/>
      <c r="L135" s="16"/>
      <c r="M135" s="16"/>
      <c r="N135" s="17"/>
      <c r="O135" s="17" t="s">
        <v>326</v>
      </c>
      <c r="P135" s="17"/>
    </row>
    <row r="136" spans="1:16" ht="14" x14ac:dyDescent="0.3">
      <c r="A136" s="16"/>
      <c r="B136" s="15" t="s">
        <v>327</v>
      </c>
      <c r="C136" s="16"/>
      <c r="D136" s="17"/>
      <c r="E136" s="16"/>
      <c r="F136" s="17"/>
      <c r="G136" s="16"/>
      <c r="H136" s="17"/>
      <c r="I136" s="16"/>
      <c r="J136" s="17"/>
      <c r="K136" s="16"/>
      <c r="L136" s="16"/>
      <c r="M136" s="16"/>
      <c r="N136" s="17"/>
      <c r="O136" s="17" t="s">
        <v>328</v>
      </c>
      <c r="P136" s="17"/>
    </row>
    <row r="137" spans="1:16" ht="14" x14ac:dyDescent="0.3">
      <c r="A137" s="16"/>
      <c r="B137" s="15" t="s">
        <v>329</v>
      </c>
      <c r="C137" s="16"/>
      <c r="D137" s="17"/>
      <c r="E137" s="16"/>
      <c r="F137" s="17"/>
      <c r="G137" s="16"/>
      <c r="H137" s="17"/>
      <c r="I137" s="16"/>
      <c r="J137" s="17"/>
      <c r="K137" s="16"/>
      <c r="L137" s="16"/>
      <c r="M137" s="16"/>
      <c r="N137" s="17"/>
      <c r="O137" s="17" t="s">
        <v>330</v>
      </c>
      <c r="P137" s="17"/>
    </row>
    <row r="138" spans="1:16" ht="14" x14ac:dyDescent="0.3">
      <c r="A138" s="16"/>
      <c r="B138" s="15" t="s">
        <v>331</v>
      </c>
      <c r="C138" s="16"/>
      <c r="D138" s="17"/>
      <c r="E138" s="16"/>
      <c r="F138" s="17"/>
      <c r="G138" s="16"/>
      <c r="H138" s="17"/>
      <c r="I138" s="16"/>
      <c r="J138" s="17"/>
      <c r="K138" s="16"/>
      <c r="L138" s="16"/>
      <c r="M138" s="16"/>
      <c r="N138" s="17"/>
      <c r="O138" s="17" t="s">
        <v>332</v>
      </c>
      <c r="P138" s="17"/>
    </row>
    <row r="139" spans="1:16" ht="14" x14ac:dyDescent="0.3">
      <c r="A139" s="16"/>
      <c r="B139" s="15" t="s">
        <v>333</v>
      </c>
      <c r="C139" s="16"/>
      <c r="D139" s="17"/>
      <c r="E139" s="16"/>
      <c r="F139" s="17"/>
      <c r="G139" s="16"/>
      <c r="H139" s="17"/>
      <c r="I139" s="16"/>
      <c r="J139" s="17"/>
      <c r="K139" s="16"/>
      <c r="L139" s="16"/>
      <c r="M139" s="16"/>
      <c r="N139" s="17"/>
      <c r="O139" s="17" t="s">
        <v>334</v>
      </c>
      <c r="P139" s="17"/>
    </row>
    <row r="140" spans="1:16" ht="14" x14ac:dyDescent="0.3">
      <c r="A140" s="16"/>
      <c r="B140" s="15" t="s">
        <v>335</v>
      </c>
      <c r="C140" s="16"/>
      <c r="D140" s="17"/>
      <c r="E140" s="16"/>
      <c r="F140" s="17"/>
      <c r="G140" s="16"/>
      <c r="H140" s="17"/>
      <c r="I140" s="16"/>
      <c r="J140" s="17"/>
      <c r="K140" s="16"/>
      <c r="L140" s="16"/>
      <c r="M140" s="16"/>
      <c r="N140" s="17"/>
      <c r="O140" s="17" t="s">
        <v>336</v>
      </c>
      <c r="P140" s="17"/>
    </row>
    <row r="141" spans="1:16" ht="14" x14ac:dyDescent="0.3">
      <c r="A141" s="16"/>
      <c r="B141" s="15" t="s">
        <v>337</v>
      </c>
      <c r="C141" s="16"/>
      <c r="D141" s="17"/>
      <c r="E141" s="16"/>
      <c r="F141" s="17"/>
      <c r="G141" s="16"/>
      <c r="H141" s="17"/>
      <c r="I141" s="16"/>
      <c r="J141" s="17"/>
      <c r="K141" s="16"/>
      <c r="L141" s="16"/>
      <c r="M141" s="16"/>
      <c r="N141" s="17"/>
      <c r="O141" s="17" t="s">
        <v>338</v>
      </c>
      <c r="P141" s="17"/>
    </row>
    <row r="142" spans="1:16" ht="14" x14ac:dyDescent="0.3">
      <c r="A142" s="16"/>
      <c r="B142" s="15" t="s">
        <v>339</v>
      </c>
      <c r="C142" s="16"/>
      <c r="D142" s="17"/>
      <c r="E142" s="16"/>
      <c r="F142" s="17"/>
      <c r="G142" s="16"/>
      <c r="H142" s="17"/>
      <c r="I142" s="16"/>
      <c r="J142" s="17"/>
      <c r="K142" s="16"/>
      <c r="L142" s="16"/>
      <c r="M142" s="16"/>
      <c r="N142" s="17"/>
      <c r="O142" s="17" t="s">
        <v>340</v>
      </c>
      <c r="P142" s="17"/>
    </row>
    <row r="143" spans="1:16" ht="14" x14ac:dyDescent="0.3">
      <c r="A143" s="16"/>
      <c r="B143" s="15" t="s">
        <v>341</v>
      </c>
      <c r="C143" s="16"/>
      <c r="D143" s="17"/>
      <c r="E143" s="16"/>
      <c r="F143" s="17"/>
      <c r="G143" s="16"/>
      <c r="H143" s="17"/>
      <c r="I143" s="16"/>
      <c r="J143" s="17"/>
      <c r="K143" s="16"/>
      <c r="L143" s="16"/>
      <c r="M143" s="16"/>
      <c r="N143" s="17"/>
      <c r="O143" s="17" t="s">
        <v>342</v>
      </c>
      <c r="P143" s="17"/>
    </row>
    <row r="144" spans="1:16" ht="14" x14ac:dyDescent="0.3">
      <c r="A144" s="16"/>
      <c r="B144" s="15" t="s">
        <v>343</v>
      </c>
      <c r="C144" s="16"/>
      <c r="D144" s="17"/>
      <c r="E144" s="16"/>
      <c r="F144" s="17"/>
      <c r="G144" s="16"/>
      <c r="H144" s="17"/>
      <c r="I144" s="16"/>
      <c r="J144" s="17"/>
      <c r="K144" s="16"/>
      <c r="L144" s="16"/>
      <c r="M144" s="16"/>
      <c r="N144" s="17"/>
      <c r="O144" s="17" t="s">
        <v>344</v>
      </c>
      <c r="P144" s="17"/>
    </row>
    <row r="145" spans="1:16" ht="14" x14ac:dyDescent="0.3">
      <c r="A145" s="16"/>
      <c r="B145" s="15" t="s">
        <v>345</v>
      </c>
      <c r="C145" s="16"/>
      <c r="D145" s="17"/>
      <c r="E145" s="16"/>
      <c r="F145" s="17"/>
      <c r="G145" s="16"/>
      <c r="H145" s="17"/>
      <c r="I145" s="16"/>
      <c r="J145" s="17"/>
      <c r="K145" s="16"/>
      <c r="L145" s="16"/>
      <c r="M145" s="16"/>
      <c r="N145" s="17"/>
      <c r="O145" s="17" t="s">
        <v>346</v>
      </c>
      <c r="P145" s="17"/>
    </row>
    <row r="146" spans="1:16" ht="14" x14ac:dyDescent="0.3">
      <c r="A146" s="16"/>
      <c r="B146" s="15" t="s">
        <v>347</v>
      </c>
      <c r="C146" s="16"/>
      <c r="D146" s="17"/>
      <c r="E146" s="16"/>
      <c r="F146" s="17"/>
      <c r="G146" s="16"/>
      <c r="H146" s="17"/>
      <c r="I146" s="16"/>
      <c r="J146" s="17"/>
      <c r="K146" s="16"/>
      <c r="L146" s="16"/>
      <c r="M146" s="16"/>
      <c r="N146" s="17"/>
      <c r="O146" s="17" t="s">
        <v>348</v>
      </c>
      <c r="P146" s="17"/>
    </row>
    <row r="147" spans="1:16" ht="14" x14ac:dyDescent="0.3">
      <c r="A147" s="16"/>
      <c r="B147" s="15" t="s">
        <v>349</v>
      </c>
      <c r="C147" s="16"/>
      <c r="D147" s="17"/>
      <c r="E147" s="16"/>
      <c r="F147" s="17"/>
      <c r="G147" s="16"/>
      <c r="H147" s="17"/>
      <c r="I147" s="16"/>
      <c r="J147" s="17"/>
      <c r="K147" s="16"/>
      <c r="L147" s="16"/>
      <c r="M147" s="16"/>
      <c r="N147" s="17"/>
      <c r="O147" s="17" t="s">
        <v>350</v>
      </c>
      <c r="P147" s="17"/>
    </row>
    <row r="148" spans="1:16" ht="14" x14ac:dyDescent="0.3">
      <c r="A148" s="16"/>
      <c r="B148" s="15" t="s">
        <v>351</v>
      </c>
      <c r="C148" s="16"/>
      <c r="D148" s="17"/>
      <c r="E148" s="16"/>
      <c r="F148" s="17"/>
      <c r="G148" s="16"/>
      <c r="H148" s="17"/>
      <c r="I148" s="16"/>
      <c r="J148" s="17"/>
      <c r="K148" s="16"/>
      <c r="L148" s="16"/>
      <c r="M148" s="16"/>
      <c r="N148" s="17"/>
      <c r="O148" s="17" t="s">
        <v>352</v>
      </c>
      <c r="P148" s="17"/>
    </row>
    <row r="149" spans="1:16" ht="14" x14ac:dyDescent="0.3">
      <c r="A149" s="16"/>
      <c r="B149" s="15" t="s">
        <v>353</v>
      </c>
      <c r="C149" s="16"/>
      <c r="D149" s="17"/>
      <c r="E149" s="16"/>
      <c r="F149" s="17"/>
      <c r="G149" s="16"/>
      <c r="H149" s="17"/>
      <c r="I149" s="16"/>
      <c r="J149" s="17"/>
      <c r="K149" s="16"/>
      <c r="L149" s="16"/>
      <c r="M149" s="16"/>
      <c r="N149" s="17"/>
      <c r="O149" s="17" t="s">
        <v>354</v>
      </c>
      <c r="P149" s="17"/>
    </row>
    <row r="150" spans="1:16" ht="14" x14ac:dyDescent="0.3">
      <c r="A150" s="16"/>
      <c r="B150" s="15" t="s">
        <v>355</v>
      </c>
      <c r="C150" s="16"/>
      <c r="D150" s="17"/>
      <c r="E150" s="16"/>
      <c r="F150" s="17"/>
      <c r="G150" s="16"/>
      <c r="H150" s="17"/>
      <c r="I150" s="16"/>
      <c r="J150" s="17"/>
      <c r="K150" s="16"/>
      <c r="L150" s="16"/>
      <c r="M150" s="16"/>
      <c r="N150" s="17"/>
      <c r="O150" s="17" t="s">
        <v>356</v>
      </c>
      <c r="P150" s="17"/>
    </row>
    <row r="151" spans="1:16" ht="14" x14ac:dyDescent="0.3">
      <c r="A151" s="16"/>
      <c r="B151" s="15" t="s">
        <v>357</v>
      </c>
      <c r="C151" s="16"/>
      <c r="D151" s="17"/>
      <c r="E151" s="16"/>
      <c r="F151" s="17"/>
      <c r="G151" s="16"/>
      <c r="H151" s="17"/>
      <c r="I151" s="16"/>
      <c r="J151" s="17"/>
      <c r="K151" s="16"/>
      <c r="L151" s="16"/>
      <c r="M151" s="16"/>
      <c r="N151" s="17"/>
      <c r="O151" s="17" t="s">
        <v>358</v>
      </c>
      <c r="P151" s="17"/>
    </row>
    <row r="152" spans="1:16" ht="14" x14ac:dyDescent="0.3">
      <c r="A152" s="16"/>
      <c r="B152" s="15" t="s">
        <v>359</v>
      </c>
      <c r="C152" s="16"/>
      <c r="D152" s="17"/>
      <c r="E152" s="16"/>
      <c r="F152" s="17"/>
      <c r="G152" s="16"/>
      <c r="H152" s="17"/>
      <c r="I152" s="16"/>
      <c r="J152" s="17"/>
      <c r="K152" s="16"/>
      <c r="L152" s="16"/>
      <c r="M152" s="16"/>
      <c r="N152" s="17"/>
      <c r="O152" s="17" t="s">
        <v>360</v>
      </c>
      <c r="P152" s="17"/>
    </row>
    <row r="153" spans="1:16" ht="14" x14ac:dyDescent="0.3">
      <c r="A153" s="16"/>
      <c r="B153" s="15" t="s">
        <v>361</v>
      </c>
      <c r="C153" s="16"/>
      <c r="D153" s="17"/>
      <c r="E153" s="16"/>
      <c r="F153" s="17"/>
      <c r="G153" s="16"/>
      <c r="H153" s="17"/>
      <c r="I153" s="16"/>
      <c r="J153" s="17"/>
      <c r="K153" s="16"/>
      <c r="L153" s="16"/>
      <c r="M153" s="16"/>
      <c r="N153" s="17"/>
      <c r="O153" s="17" t="s">
        <v>362</v>
      </c>
      <c r="P153" s="17"/>
    </row>
    <row r="154" spans="1:16" ht="14" x14ac:dyDescent="0.3">
      <c r="A154" s="16"/>
      <c r="B154" s="15" t="s">
        <v>363</v>
      </c>
      <c r="C154" s="16"/>
      <c r="D154" s="17"/>
      <c r="E154" s="16"/>
      <c r="F154" s="17"/>
      <c r="G154" s="16"/>
      <c r="H154" s="17"/>
      <c r="I154" s="16"/>
      <c r="J154" s="17"/>
      <c r="K154" s="16"/>
      <c r="L154" s="16"/>
      <c r="M154" s="16"/>
      <c r="N154" s="17"/>
      <c r="O154" s="17" t="s">
        <v>364</v>
      </c>
      <c r="P154" s="17"/>
    </row>
    <row r="155" spans="1:16" ht="14" x14ac:dyDescent="0.3">
      <c r="A155" s="16"/>
      <c r="B155" s="15" t="s">
        <v>365</v>
      </c>
      <c r="C155" s="16"/>
      <c r="D155" s="17"/>
      <c r="E155" s="16"/>
      <c r="F155" s="17"/>
      <c r="G155" s="16"/>
      <c r="H155" s="17"/>
      <c r="I155" s="16"/>
      <c r="J155" s="17"/>
      <c r="K155" s="16"/>
      <c r="L155" s="16"/>
      <c r="M155" s="16"/>
      <c r="N155" s="17"/>
      <c r="O155" s="17"/>
      <c r="P155" s="17"/>
    </row>
    <row r="156" spans="1:16" ht="14" x14ac:dyDescent="0.3">
      <c r="A156" s="16"/>
      <c r="B156" s="15" t="s">
        <v>366</v>
      </c>
      <c r="C156" s="16"/>
      <c r="D156" s="17"/>
      <c r="E156" s="16"/>
      <c r="F156" s="17"/>
      <c r="G156" s="16"/>
      <c r="H156" s="17"/>
      <c r="I156" s="16"/>
      <c r="J156" s="17"/>
      <c r="K156" s="16"/>
      <c r="L156" s="16"/>
      <c r="M156" s="16"/>
      <c r="N156" s="17"/>
      <c r="O156" s="17"/>
      <c r="P156" s="17"/>
    </row>
    <row r="157" spans="1:16" ht="14" x14ac:dyDescent="0.3">
      <c r="A157" s="16"/>
      <c r="B157" s="15" t="s">
        <v>367</v>
      </c>
      <c r="C157" s="16"/>
      <c r="D157" s="17"/>
      <c r="E157" s="16"/>
      <c r="F157" s="17"/>
      <c r="G157" s="16"/>
      <c r="H157" s="17"/>
      <c r="I157" s="16"/>
      <c r="J157" s="17"/>
      <c r="K157" s="16"/>
      <c r="L157" s="16"/>
      <c r="M157" s="16"/>
      <c r="N157" s="17"/>
      <c r="O157" s="17"/>
      <c r="P157" s="17"/>
    </row>
    <row r="158" spans="1:16" ht="14" x14ac:dyDescent="0.3">
      <c r="A158" s="16"/>
      <c r="B158" s="15" t="s">
        <v>368</v>
      </c>
      <c r="C158" s="16"/>
      <c r="D158" s="17"/>
      <c r="E158" s="16"/>
      <c r="F158" s="17"/>
      <c r="G158" s="16"/>
      <c r="H158" s="17"/>
      <c r="I158" s="16"/>
      <c r="J158" s="17"/>
      <c r="K158" s="16"/>
      <c r="L158" s="16"/>
      <c r="M158" s="16"/>
      <c r="N158" s="17"/>
      <c r="O158" s="17"/>
      <c r="P158" s="17"/>
    </row>
    <row r="159" spans="1:16" ht="14" x14ac:dyDescent="0.3">
      <c r="A159" s="16"/>
      <c r="B159" s="15" t="s">
        <v>369</v>
      </c>
      <c r="C159" s="16"/>
      <c r="D159" s="17"/>
      <c r="E159" s="16"/>
      <c r="F159" s="17"/>
      <c r="G159" s="16"/>
      <c r="H159" s="17"/>
      <c r="I159" s="16"/>
      <c r="J159" s="17"/>
      <c r="K159" s="16"/>
      <c r="L159" s="16"/>
      <c r="M159" s="16"/>
      <c r="N159" s="17"/>
      <c r="O159" s="17"/>
      <c r="P159" s="17"/>
    </row>
    <row r="160" spans="1:16" ht="14" x14ac:dyDescent="0.3">
      <c r="A160" s="16"/>
      <c r="B160" s="15" t="s">
        <v>370</v>
      </c>
      <c r="C160" s="16"/>
      <c r="D160" s="17"/>
      <c r="E160" s="16"/>
      <c r="F160" s="17"/>
      <c r="G160" s="16"/>
      <c r="H160" s="17"/>
      <c r="I160" s="16"/>
      <c r="J160" s="17"/>
      <c r="K160" s="16"/>
      <c r="L160" s="16"/>
      <c r="M160" s="16"/>
      <c r="N160" s="17"/>
      <c r="O160" s="17"/>
      <c r="P160" s="17"/>
    </row>
    <row r="161" spans="1:16" ht="14" x14ac:dyDescent="0.3">
      <c r="A161" s="16"/>
      <c r="B161" s="15" t="s">
        <v>371</v>
      </c>
      <c r="C161" s="16"/>
      <c r="D161" s="17"/>
      <c r="E161" s="16"/>
      <c r="F161" s="17"/>
      <c r="G161" s="16"/>
      <c r="H161" s="17"/>
      <c r="I161" s="16"/>
      <c r="J161" s="17"/>
      <c r="K161" s="16"/>
      <c r="L161" s="16"/>
      <c r="M161" s="16"/>
      <c r="N161" s="17"/>
      <c r="O161" s="17"/>
      <c r="P161" s="17"/>
    </row>
    <row r="162" spans="1:16" ht="14" x14ac:dyDescent="0.3">
      <c r="A162" s="16"/>
      <c r="B162" s="15" t="s">
        <v>372</v>
      </c>
      <c r="C162" s="16"/>
      <c r="D162" s="17"/>
      <c r="E162" s="16"/>
      <c r="F162" s="17"/>
      <c r="G162" s="16"/>
      <c r="H162" s="17"/>
      <c r="I162" s="16"/>
      <c r="J162" s="17"/>
      <c r="K162" s="16"/>
      <c r="L162" s="16"/>
      <c r="M162" s="16"/>
      <c r="N162" s="17"/>
      <c r="O162" s="17"/>
      <c r="P162" s="17"/>
    </row>
    <row r="163" spans="1:16" ht="14" x14ac:dyDescent="0.3">
      <c r="A163" s="16"/>
      <c r="B163" s="15" t="s">
        <v>373</v>
      </c>
      <c r="C163" s="16"/>
      <c r="D163" s="17"/>
      <c r="E163" s="16"/>
      <c r="F163" s="17"/>
      <c r="G163" s="16"/>
      <c r="H163" s="17"/>
      <c r="I163" s="16"/>
      <c r="J163" s="17"/>
      <c r="K163" s="16"/>
      <c r="L163" s="16"/>
      <c r="M163" s="16"/>
      <c r="N163" s="17"/>
      <c r="O163" s="17"/>
      <c r="P163" s="17"/>
    </row>
    <row r="164" spans="1:16" ht="14" x14ac:dyDescent="0.3">
      <c r="A164" s="16"/>
      <c r="B164" s="15" t="s">
        <v>374</v>
      </c>
      <c r="C164" s="16"/>
      <c r="D164" s="17"/>
      <c r="E164" s="16"/>
      <c r="F164" s="17"/>
      <c r="G164" s="16"/>
      <c r="H164" s="17"/>
      <c r="I164" s="16"/>
      <c r="J164" s="17"/>
      <c r="K164" s="16"/>
      <c r="L164" s="16"/>
      <c r="M164" s="16"/>
      <c r="N164" s="17"/>
      <c r="O164" s="17"/>
      <c r="P164" s="17"/>
    </row>
    <row r="165" spans="1:16" ht="14" x14ac:dyDescent="0.3">
      <c r="A165" s="16"/>
      <c r="B165" s="15" t="s">
        <v>375</v>
      </c>
      <c r="C165" s="16"/>
      <c r="D165" s="17"/>
      <c r="E165" s="16"/>
      <c r="F165" s="17"/>
      <c r="G165" s="16"/>
      <c r="H165" s="17"/>
      <c r="I165" s="16"/>
      <c r="J165" s="17"/>
      <c r="K165" s="16"/>
      <c r="L165" s="16"/>
      <c r="M165" s="16"/>
      <c r="N165" s="17"/>
      <c r="O165" s="17"/>
      <c r="P165" s="17"/>
    </row>
    <row r="166" spans="1:16" ht="14" x14ac:dyDescent="0.3">
      <c r="A166" s="16"/>
      <c r="B166" s="15" t="s">
        <v>376</v>
      </c>
      <c r="C166" s="16"/>
      <c r="D166" s="17"/>
      <c r="E166" s="16"/>
      <c r="F166" s="17"/>
      <c r="G166" s="16"/>
      <c r="H166" s="17"/>
      <c r="I166" s="16"/>
      <c r="J166" s="17"/>
      <c r="K166" s="16"/>
      <c r="L166" s="16"/>
      <c r="M166" s="16"/>
      <c r="N166" s="17"/>
      <c r="O166" s="17"/>
      <c r="P166" s="17"/>
    </row>
    <row r="167" spans="1:16" ht="14" x14ac:dyDescent="0.3">
      <c r="A167" s="16"/>
      <c r="B167" s="15" t="s">
        <v>377</v>
      </c>
      <c r="C167" s="16"/>
      <c r="D167" s="17"/>
      <c r="E167" s="16"/>
      <c r="F167" s="17"/>
      <c r="G167" s="16"/>
      <c r="H167" s="17"/>
      <c r="I167" s="16"/>
      <c r="J167" s="17"/>
      <c r="K167" s="16"/>
      <c r="L167" s="16"/>
      <c r="M167" s="16"/>
      <c r="N167" s="17"/>
      <c r="O167" s="17"/>
      <c r="P167" s="17"/>
    </row>
    <row r="168" spans="1:16" ht="14" x14ac:dyDescent="0.3">
      <c r="A168" s="16"/>
      <c r="B168" s="15" t="s">
        <v>378</v>
      </c>
      <c r="C168" s="16"/>
      <c r="D168" s="17"/>
      <c r="E168" s="16"/>
      <c r="F168" s="17"/>
      <c r="G168" s="16"/>
      <c r="H168" s="17"/>
      <c r="I168" s="16"/>
      <c r="J168" s="17"/>
      <c r="K168" s="16"/>
      <c r="L168" s="16"/>
      <c r="M168" s="16"/>
      <c r="N168" s="17"/>
      <c r="O168" s="17"/>
      <c r="P168" s="17"/>
    </row>
    <row r="169" spans="1:16" ht="14" x14ac:dyDescent="0.3">
      <c r="A169" s="16"/>
      <c r="B169" s="15" t="s">
        <v>379</v>
      </c>
      <c r="C169" s="16"/>
      <c r="D169" s="17"/>
      <c r="E169" s="16"/>
      <c r="F169" s="17"/>
      <c r="G169" s="16"/>
      <c r="H169" s="17"/>
      <c r="I169" s="16"/>
      <c r="J169" s="17"/>
      <c r="K169" s="16"/>
      <c r="L169" s="16"/>
      <c r="M169" s="16"/>
      <c r="N169" s="17"/>
      <c r="O169" s="17"/>
      <c r="P169" s="17"/>
    </row>
    <row r="170" spans="1:16" ht="14" x14ac:dyDescent="0.3">
      <c r="A170" s="16"/>
      <c r="B170" s="15" t="s">
        <v>380</v>
      </c>
      <c r="C170" s="16"/>
      <c r="D170" s="17"/>
      <c r="E170" s="16"/>
      <c r="F170" s="17"/>
      <c r="G170" s="16"/>
      <c r="H170" s="17"/>
      <c r="I170" s="16"/>
      <c r="J170" s="17"/>
      <c r="K170" s="16"/>
      <c r="L170" s="16"/>
      <c r="M170" s="16"/>
      <c r="N170" s="17"/>
      <c r="O170" s="17"/>
      <c r="P170" s="17"/>
    </row>
    <row r="171" spans="1:16" ht="14" x14ac:dyDescent="0.3">
      <c r="A171" s="16"/>
      <c r="B171" s="15" t="s">
        <v>381</v>
      </c>
      <c r="C171" s="16"/>
      <c r="D171" s="17"/>
      <c r="E171" s="16"/>
      <c r="F171" s="17"/>
      <c r="G171" s="16"/>
      <c r="H171" s="17"/>
      <c r="I171" s="16"/>
      <c r="J171" s="17"/>
      <c r="K171" s="16"/>
      <c r="L171" s="16"/>
      <c r="M171" s="16"/>
      <c r="N171" s="17"/>
      <c r="O171" s="17"/>
      <c r="P171" s="17"/>
    </row>
    <row r="172" spans="1:16" ht="14" x14ac:dyDescent="0.3">
      <c r="A172" s="16"/>
      <c r="B172" s="15" t="s">
        <v>382</v>
      </c>
      <c r="C172" s="16"/>
      <c r="D172" s="17"/>
      <c r="E172" s="16"/>
      <c r="F172" s="17"/>
      <c r="G172" s="16"/>
      <c r="H172" s="17"/>
      <c r="I172" s="16"/>
      <c r="J172" s="17"/>
      <c r="K172" s="16"/>
      <c r="L172" s="16"/>
      <c r="M172" s="16"/>
      <c r="N172" s="17"/>
      <c r="O172" s="17"/>
      <c r="P172" s="17"/>
    </row>
    <row r="173" spans="1:16" ht="14" x14ac:dyDescent="0.3">
      <c r="A173" s="16"/>
      <c r="B173" s="15" t="s">
        <v>383</v>
      </c>
      <c r="C173" s="16"/>
      <c r="D173" s="17"/>
      <c r="E173" s="16"/>
      <c r="F173" s="17"/>
      <c r="G173" s="16"/>
      <c r="H173" s="17"/>
      <c r="I173" s="16"/>
      <c r="J173" s="17"/>
      <c r="K173" s="16"/>
      <c r="L173" s="16"/>
      <c r="M173" s="16"/>
      <c r="N173" s="17"/>
      <c r="O173" s="17"/>
      <c r="P173" s="17"/>
    </row>
  </sheetData>
  <printOptions headings="1"/>
  <pageMargins left="0.75" right="0.75" top="1" bottom="1" header="0.5" footer="0.5"/>
  <pageSetup paperSize="9" scale="44"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4</vt:i4>
      </vt:variant>
      <vt:variant>
        <vt:lpstr>Named Ranges</vt:lpstr>
      </vt:variant>
      <vt:variant>
        <vt:i4>8</vt:i4>
      </vt:variant>
    </vt:vector>
  </HeadingPairs>
  <TitlesOfParts>
    <vt:vector size="12" baseType="lpstr">
      <vt:lpstr>Finance</vt:lpstr>
      <vt:lpstr>Sheet1</vt:lpstr>
      <vt:lpstr>T&amp;C</vt:lpstr>
      <vt:lpstr>Library</vt:lpstr>
      <vt:lpstr>Library!bestpractice</vt:lpstr>
      <vt:lpstr>Finance!Print_Area</vt:lpstr>
      <vt:lpstr>Library!Print_Area</vt:lpstr>
      <vt:lpstr>'T&amp;C'!Print_Area</vt:lpstr>
      <vt:lpstr>Library!Print_Titles</vt:lpstr>
      <vt:lpstr>regions</vt:lpstr>
      <vt:lpstr>Library!subindustry</vt:lpstr>
      <vt:lpstr>Library!yesno</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kkar, Neha</dc:creator>
  <cp:lastModifiedBy>Gupta, Sonal</cp:lastModifiedBy>
  <cp:lastPrinted>2018-03-26T07:16:08Z</cp:lastPrinted>
  <dcterms:created xsi:type="dcterms:W3CDTF">2016-09-29T17:46:14Z</dcterms:created>
  <dcterms:modified xsi:type="dcterms:W3CDTF">2019-11-07T09:06:0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